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tags/tag39.xml" ContentType="application/vnd.openxmlformats-officedocument.presentationml.tags+xml"/>
  <Override PartName="/ppt/notesSlides/notesSlide38.xml" ContentType="application/vnd.openxmlformats-officedocument.presentationml.notesSlide+xml"/>
  <Override PartName="/ppt/tags/tag40.xml" ContentType="application/vnd.openxmlformats-officedocument.presentationml.tags+xml"/>
  <Override PartName="/ppt/notesSlides/notesSlide39.xml" ContentType="application/vnd.openxmlformats-officedocument.presentationml.notesSlide+xml"/>
  <Override PartName="/ppt/tags/tag41.xml" ContentType="application/vnd.openxmlformats-officedocument.presentationml.tags+xml"/>
  <Override PartName="/ppt/notesSlides/notesSlide40.xml" ContentType="application/vnd.openxmlformats-officedocument.presentationml.notesSlide+xml"/>
  <Override PartName="/ppt/tags/tag42.xml" ContentType="application/vnd.openxmlformats-officedocument.presentationml.tags+xml"/>
  <Override PartName="/ppt/notesSlides/notesSlide41.xml" ContentType="application/vnd.openxmlformats-officedocument.presentationml.notesSlide+xml"/>
  <Override PartName="/ppt/tags/tag43.xml" ContentType="application/vnd.openxmlformats-officedocument.presentationml.tags+xml"/>
  <Override PartName="/ppt/notesSlides/notesSlide42.xml" ContentType="application/vnd.openxmlformats-officedocument.presentationml.notesSlide+xml"/>
  <Override PartName="/ppt/tags/tag44.xml" ContentType="application/vnd.openxmlformats-officedocument.presentationml.tags+xml"/>
  <Override PartName="/ppt/notesSlides/notesSlide4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>
  <p:sldMasterIdLst>
    <p:sldMasterId id="2147483648" r:id="rId1"/>
  </p:sldMasterIdLst>
  <p:notesMasterIdLst>
    <p:notesMasterId r:id="rId45"/>
  </p:notesMasterIdLst>
  <p:sldIdLst>
    <p:sldId id="738" r:id="rId2"/>
    <p:sldId id="762" r:id="rId3"/>
    <p:sldId id="742" r:id="rId4"/>
    <p:sldId id="874" r:id="rId5"/>
    <p:sldId id="747" r:id="rId6"/>
    <p:sldId id="855" r:id="rId7"/>
    <p:sldId id="873" r:id="rId8"/>
    <p:sldId id="875" r:id="rId9"/>
    <p:sldId id="876" r:id="rId10"/>
    <p:sldId id="878" r:id="rId11"/>
    <p:sldId id="883" r:id="rId12"/>
    <p:sldId id="882" r:id="rId13"/>
    <p:sldId id="879" r:id="rId14"/>
    <p:sldId id="840" r:id="rId15"/>
    <p:sldId id="877" r:id="rId16"/>
    <p:sldId id="880" r:id="rId17"/>
    <p:sldId id="884" r:id="rId18"/>
    <p:sldId id="871" r:id="rId19"/>
    <p:sldId id="885" r:id="rId20"/>
    <p:sldId id="886" r:id="rId21"/>
    <p:sldId id="887" r:id="rId22"/>
    <p:sldId id="889" r:id="rId23"/>
    <p:sldId id="888" r:id="rId24"/>
    <p:sldId id="890" r:id="rId25"/>
    <p:sldId id="852" r:id="rId26"/>
    <p:sldId id="895" r:id="rId27"/>
    <p:sldId id="896" r:id="rId28"/>
    <p:sldId id="891" r:id="rId29"/>
    <p:sldId id="897" r:id="rId30"/>
    <p:sldId id="894" r:id="rId31"/>
    <p:sldId id="893" r:id="rId32"/>
    <p:sldId id="892" r:id="rId33"/>
    <p:sldId id="898" r:id="rId34"/>
    <p:sldId id="899" r:id="rId35"/>
    <p:sldId id="900" r:id="rId36"/>
    <p:sldId id="905" r:id="rId37"/>
    <p:sldId id="901" r:id="rId38"/>
    <p:sldId id="902" r:id="rId39"/>
    <p:sldId id="904" r:id="rId40"/>
    <p:sldId id="906" r:id="rId41"/>
    <p:sldId id="907" r:id="rId42"/>
    <p:sldId id="903" r:id="rId43"/>
    <p:sldId id="868" r:id="rId44"/>
  </p:sldIdLst>
  <p:sldSz cx="9144000" cy="6858000" type="screen4x3"/>
  <p:notesSz cx="20104100" cy="11309350"/>
  <p:custDataLst>
    <p:tags r:id="rId46"/>
  </p:custDataLst>
  <p:defaultTextStyle>
    <a:defPPr>
      <a:defRPr kern="0"/>
    </a:defPPr>
  </p:defaultTextStyle>
  <p:extLst>
    <p:ext uri="{EFAFB233-063F-42B5-8137-9DF3F51BA10A}">
      <p15:sldGuideLst xmlns:p15="http://schemas.microsoft.com/office/powerpoint/2012/main">
        <p15:guide id="1" orient="horz" pos="3648" userDrawn="1">
          <p15:clr>
            <a:srgbClr val="A4A3A4"/>
          </p15:clr>
        </p15:guide>
        <p15:guide id="3" orient="horz" pos="2160">
          <p15:clr>
            <a:srgbClr val="A4A3A4"/>
          </p15:clr>
        </p15:guide>
        <p15:guide id="4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7D037D"/>
    <a:srgbClr val="C00000"/>
    <a:srgbClr val="48943D"/>
    <a:srgbClr val="CD6518"/>
    <a:srgbClr val="6F026F"/>
    <a:srgbClr val="FAA66A"/>
    <a:srgbClr val="006400"/>
    <a:srgbClr val="E16F1A"/>
    <a:srgbClr val="59B94C"/>
    <a:srgbClr val="8C038C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9DCAF9ED-07DC-4A11-8D7F-57B35C25682E}" styleName="Средний стиль 1 — акцент 2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accent2">
              <a:tint val="20000"/>
            </a:schemeClr>
          </a:solidFill>
        </a:fill>
      </a:tcStyle>
    </a:band1H>
    <a:band1V>
      <a:tcStyle>
        <a:tcBdr/>
        <a:fill>
          <a:solidFill>
            <a:schemeClr val="accent2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2"/>
          </a:solidFill>
        </a:fill>
      </a:tcStyle>
    </a:firstRow>
  </a:tblStyle>
  <a:tblStyle styleId="{72833802-FEF1-4C79-8D5D-14CF1EAF98D9}" styleName="Светлый стиль 2 — акцент 2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</a:tcStyle>
    </a:band1H>
    <a:band1V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</a:tcBdr>
      </a:tcStyle>
    </a:band1V>
    <a:band2V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2"/>
        </a:fillRef>
      </a:tcStyle>
    </a:firstRow>
  </a:tblStyle>
  <a:tblStyle styleId="{85BE263C-DBD7-4A20-BB59-AAB30ACAA65A}" styleName="Средний стиль 3 — акцент 2">
    <a:wholeTbl>
      <a:tcTxStyle>
        <a:fontRef idx="minor">
          <a:scrgbClr r="0" g="0" b="0"/>
        </a:fontRef>
        <a:schemeClr val="dk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25400" cmpd="sng">
              <a:solidFill>
                <a:schemeClr val="dk1"/>
              </a:solidFill>
            </a:ln>
          </a:top>
          <a:bottom>
            <a:ln w="25400" cmpd="sng">
              <a:solidFill>
                <a:schemeClr val="dk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seCell>
      <a:tcTxStyle b="on">
        <a:fontRef idx="minor">
          <a:scrgbClr r="0" g="0" b="0"/>
        </a:fontRef>
        <a:schemeClr val="dk1"/>
      </a:tcTxStyle>
      <a:tcStyle>
        <a:tcBdr/>
      </a:tcStyle>
    </a:seCell>
    <a:swCell>
      <a:tcTxStyle b="on">
        <a:fontRef idx="minor">
          <a:scrgbClr r="0" g="0" b="0"/>
        </a:fontRef>
        <a:schemeClr val="dk1"/>
      </a:tcTxStyle>
      <a:tcStyle>
        <a:tcBdr/>
      </a:tcStyle>
    </a:swCell>
    <a:firstRow>
      <a:tcTxStyle b="on">
        <a:fontRef idx="minor">
          <a:scrgbClr r="0" g="0" b="0"/>
        </a:fontRef>
        <a:schemeClr val="lt1"/>
      </a:tcTxStyle>
      <a:tcStyle>
        <a:tcBdr>
          <a:bottom>
            <a:ln w="25400" cmpd="sng">
              <a:solidFill>
                <a:schemeClr val="dk1"/>
              </a:solidFill>
            </a:ln>
          </a:bottom>
        </a:tcBdr>
        <a:fill>
          <a:solidFill>
            <a:schemeClr val="accent2"/>
          </a:solidFill>
        </a:fill>
      </a:tcStyle>
    </a:firstRow>
  </a:tblStyle>
  <a:tblStyle styleId="{5DA37D80-6434-44D0-A028-1B22A696006F}" styleName="Светлый стиль 3 - акцент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4961" autoAdjust="0"/>
    <p:restoredTop sz="69755" autoAdjust="0"/>
  </p:normalViewPr>
  <p:slideViewPr>
    <p:cSldViewPr>
      <p:cViewPr varScale="1">
        <p:scale>
          <a:sx n="63" d="100"/>
          <a:sy n="63" d="100"/>
        </p:scale>
        <p:origin x="1266" y="66"/>
      </p:cViewPr>
      <p:guideLst>
        <p:guide orient="horz" pos="3648"/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3414"/>
    </p:cViewPr>
  </p:outlineViewPr>
  <p:notesTextViewPr>
    <p:cViewPr>
      <p:scale>
        <a:sx n="3" d="2"/>
        <a:sy n="3" d="2"/>
      </p:scale>
      <p:origin x="0" y="0"/>
    </p:cViewPr>
  </p:notesTextViewPr>
  <p:sorterViewPr>
    <p:cViewPr varScale="1">
      <p:scale>
        <a:sx n="100" d="100"/>
        <a:sy n="100" d="100"/>
      </p:scale>
      <p:origin x="0" y="-6564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presProps" Target="presProps.xml"/><Relationship Id="rId50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tags" Target="tags/tag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slide" Target="slides/slide40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notesMaster" Target="notesMasters/notesMaster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viewProps" Target="viewProps.xml"/><Relationship Id="rId8" Type="http://schemas.openxmlformats.org/officeDocument/2006/relationships/slide" Target="slides/slide7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8712200" cy="56515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11387138" y="0"/>
            <a:ext cx="8712200" cy="56515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005D7CF-2AA4-46E5-AF2E-A5FEE743D33C}" type="datetimeFigureOut">
              <a:rPr lang="ru-RU" smtClean="0"/>
              <a:pPr/>
              <a:t>13.11.2023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7224713" y="847725"/>
            <a:ext cx="5654675" cy="42418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2009775" y="5372100"/>
            <a:ext cx="16084550" cy="5089525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10742613"/>
            <a:ext cx="8712200" cy="56515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11387138" y="10742613"/>
            <a:ext cx="8712200" cy="56515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A3634B5-49E1-4E25-AB10-DEA3BB549428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2138356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465704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1pPr>
    <a:lvl2pPr marL="232852" algn="l" defTabSz="465704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2pPr>
    <a:lvl3pPr marL="465704" algn="l" defTabSz="465704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3pPr>
    <a:lvl4pPr marL="698556" algn="l" defTabSz="465704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4pPr>
    <a:lvl5pPr marL="931408" algn="l" defTabSz="465704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5pPr>
    <a:lvl6pPr marL="1164260" algn="l" defTabSz="465704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6pPr>
    <a:lvl7pPr marL="1397112" algn="l" defTabSz="465704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7pPr>
    <a:lvl8pPr marL="1629964" algn="l" defTabSz="465704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8pPr>
    <a:lvl9pPr marL="1862816" algn="l" defTabSz="465704" rtl="0" eaLnBrk="1" latinLnBrk="0" hangingPunct="1">
      <a:defRPr sz="6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465704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21127925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465704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2112792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8177223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99254008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465704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21127925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465704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21127925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2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01614867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3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4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4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4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4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7007011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>
          <a:xfrm>
            <a:off x="7224713" y="847725"/>
            <a:ext cx="5654675" cy="4241800"/>
          </a:xfrm>
        </p:spPr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A3634B5-49E1-4E25-AB10-DEA3BB549428}" type="slidenum">
              <a:rPr lang="ru-RU" smtClean="0"/>
              <a:pPr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872062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ctrTitle"/>
          </p:nvPr>
        </p:nvSpPr>
        <p:spPr>
          <a:xfrm>
            <a:off x="685800" y="2125980"/>
            <a:ext cx="7772400" cy="53860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subTitle" idx="4"/>
          </p:nvPr>
        </p:nvSpPr>
        <p:spPr>
          <a:xfrm>
            <a:off x="1371600" y="3840480"/>
            <a:ext cx="6400800" cy="27699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13/2023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>
              <a:defRPr sz="1200" b="0" i="0">
                <a:solidFill>
                  <a:schemeClr val="tx1"/>
                </a:solidFill>
                <a:latin typeface="Roboto"/>
                <a:cs typeface="Roboto"/>
              </a:defRPr>
            </a:lvl1pPr>
          </a:lstStyle>
          <a:p>
            <a:pPr marL="19404">
              <a:lnSpc>
                <a:spcPts val="1390"/>
              </a:lnSpc>
            </a:pPr>
            <a:fld id="{81D60167-4931-47E6-BA6A-407CBD079E47}" type="slidenum">
              <a:rPr lang="ru-RU" spc="10" smtClean="0"/>
              <a:pPr marL="19404">
                <a:lnSpc>
                  <a:spcPts val="1390"/>
                </a:lnSpc>
              </a:pPr>
              <a:t>‹#›</a:t>
            </a:fld>
            <a:endParaRPr lang="ru-RU" spc="10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and Content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375223" y="283137"/>
            <a:ext cx="8393553" cy="276999"/>
          </a:xfrm>
        </p:spPr>
        <p:txBody>
          <a:bodyPr lIns="0" tIns="0" rIns="0" bIns="0"/>
          <a:lstStyle>
            <a:lvl1pPr>
              <a:defRPr sz="1800" b="0" i="0">
                <a:solidFill>
                  <a:schemeClr val="tx1"/>
                </a:solidFill>
                <a:latin typeface="Roboto Medium"/>
                <a:cs typeface="Roboto Medium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/>
        <p:txBody>
          <a:bodyPr lIns="0" tIns="0" rIns="0" bIns="0"/>
          <a:lstStyle>
            <a:lvl1pPr>
              <a:defRPr b="0" i="0">
                <a:solidFill>
                  <a:schemeClr val="tx1"/>
                </a:solidFill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13/2023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>
              <a:defRPr sz="1200" b="0" i="0">
                <a:solidFill>
                  <a:schemeClr val="tx1"/>
                </a:solidFill>
                <a:latin typeface="Roboto"/>
                <a:cs typeface="Roboto"/>
              </a:defRPr>
            </a:lvl1pPr>
          </a:lstStyle>
          <a:p>
            <a:pPr marL="19404">
              <a:lnSpc>
                <a:spcPts val="1390"/>
              </a:lnSpc>
            </a:pPr>
            <a:fld id="{81D60167-4931-47E6-BA6A-407CBD079E47}" type="slidenum">
              <a:rPr lang="ru-RU" spc="10" smtClean="0"/>
              <a:pPr marL="19404">
                <a:lnSpc>
                  <a:spcPts val="1390"/>
                </a:lnSpc>
              </a:pPr>
              <a:t>‹#›</a:t>
            </a:fld>
            <a:endParaRPr lang="ru-RU" spc="10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wo Content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0" y="6349554"/>
            <a:ext cx="9144000" cy="508285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rgbClr val="EBEBEB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bg object 17"/>
          <p:cNvSpPr/>
          <p:nvPr/>
        </p:nvSpPr>
        <p:spPr>
          <a:xfrm>
            <a:off x="8158160" y="5543167"/>
            <a:ext cx="986027" cy="1314610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F1A900"/>
          </a:solidFill>
        </p:spPr>
        <p:txBody>
          <a:bodyPr wrap="square" lIns="0" tIns="0" rIns="0" bIns="0" rtlCol="0"/>
          <a:lstStyle/>
          <a:p>
            <a:endParaRPr/>
          </a:p>
        </p:txBody>
      </p:sp>
      <p:pic>
        <p:nvPicPr>
          <p:cNvPr id="18" name="bg object 18"/>
          <p:cNvPicPr/>
          <p:nvPr/>
        </p:nvPicPr>
        <p:blipFill>
          <a:blip r:embed="rId2" cstate="print"/>
          <a:stretch>
            <a:fillRect/>
          </a:stretch>
        </p:blipFill>
        <p:spPr>
          <a:xfrm>
            <a:off x="380619" y="6458995"/>
            <a:ext cx="513207" cy="289533"/>
          </a:xfrm>
          <a:prstGeom prst="rect">
            <a:avLst/>
          </a:prstGeom>
        </p:spPr>
      </p:pic>
      <p:sp>
        <p:nvSpPr>
          <p:cNvPr id="19" name="bg object 19"/>
          <p:cNvSpPr/>
          <p:nvPr/>
        </p:nvSpPr>
        <p:spPr>
          <a:xfrm>
            <a:off x="0" y="719949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F1A9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375223" y="283137"/>
            <a:ext cx="8393553" cy="276999"/>
          </a:xfrm>
        </p:spPr>
        <p:txBody>
          <a:bodyPr lIns="0" tIns="0" rIns="0" bIns="0"/>
          <a:lstStyle>
            <a:lvl1pPr>
              <a:defRPr sz="1800" b="0" i="0">
                <a:solidFill>
                  <a:schemeClr val="tx1"/>
                </a:solidFill>
                <a:latin typeface="Roboto Medium"/>
                <a:cs typeface="Roboto Medium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sz="half" idx="2"/>
          </p:nvPr>
        </p:nvSpPr>
        <p:spPr>
          <a:xfrm>
            <a:off x="457200" y="1577340"/>
            <a:ext cx="3977640" cy="27699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sz="half" idx="3"/>
          </p:nvPr>
        </p:nvSpPr>
        <p:spPr>
          <a:xfrm>
            <a:off x="4709160" y="1577340"/>
            <a:ext cx="3977640" cy="27699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6" name="Holder 6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13/2023</a:t>
            </a:fld>
            <a:endParaRPr lang="en-US"/>
          </a:p>
        </p:txBody>
      </p:sp>
      <p:sp>
        <p:nvSpPr>
          <p:cNvPr id="7" name="Holder 7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>
              <a:defRPr sz="1200" b="0" i="0">
                <a:solidFill>
                  <a:schemeClr val="tx1"/>
                </a:solidFill>
                <a:latin typeface="Roboto"/>
                <a:cs typeface="Roboto"/>
              </a:defRPr>
            </a:lvl1pPr>
          </a:lstStyle>
          <a:p>
            <a:pPr marL="19404">
              <a:lnSpc>
                <a:spcPts val="1390"/>
              </a:lnSpc>
            </a:pPr>
            <a:fld id="{81D60167-4931-47E6-BA6A-407CBD079E47}" type="slidenum">
              <a:rPr lang="ru-RU" spc="10" smtClean="0"/>
              <a:pPr marL="19404">
                <a:lnSpc>
                  <a:spcPts val="1390"/>
                </a:lnSpc>
              </a:pPr>
              <a:t>‹#›</a:t>
            </a:fld>
            <a:endParaRPr lang="ru-RU" spc="10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Only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4655949" y="2788673"/>
            <a:ext cx="209971" cy="279556"/>
          </a:xfrm>
          <a:custGeom>
            <a:avLst/>
            <a:gdLst/>
            <a:ahLst/>
            <a:cxnLst/>
            <a:rect l="l" t="t" r="r" b="b"/>
            <a:pathLst>
              <a:path w="461645" h="461010">
                <a:moveTo>
                  <a:pt x="461022" y="0"/>
                </a:moveTo>
                <a:lnTo>
                  <a:pt x="0" y="0"/>
                </a:lnTo>
                <a:lnTo>
                  <a:pt x="0" y="460959"/>
                </a:lnTo>
                <a:lnTo>
                  <a:pt x="461022" y="460959"/>
                </a:lnTo>
                <a:lnTo>
                  <a:pt x="461022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bg object 17"/>
          <p:cNvSpPr/>
          <p:nvPr/>
        </p:nvSpPr>
        <p:spPr>
          <a:xfrm>
            <a:off x="4949481" y="3571447"/>
            <a:ext cx="209971" cy="279556"/>
          </a:xfrm>
          <a:custGeom>
            <a:avLst/>
            <a:gdLst/>
            <a:ahLst/>
            <a:cxnLst/>
            <a:rect l="l" t="t" r="r" b="b"/>
            <a:pathLst>
              <a:path w="461645" h="461010">
                <a:moveTo>
                  <a:pt x="461022" y="0"/>
                </a:moveTo>
                <a:lnTo>
                  <a:pt x="0" y="0"/>
                </a:lnTo>
                <a:lnTo>
                  <a:pt x="0" y="460991"/>
                </a:lnTo>
                <a:lnTo>
                  <a:pt x="461022" y="460991"/>
                </a:lnTo>
                <a:lnTo>
                  <a:pt x="461022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8" name="bg object 18"/>
          <p:cNvSpPr/>
          <p:nvPr/>
        </p:nvSpPr>
        <p:spPr>
          <a:xfrm>
            <a:off x="4362360" y="3571447"/>
            <a:ext cx="209971" cy="279556"/>
          </a:xfrm>
          <a:custGeom>
            <a:avLst/>
            <a:gdLst/>
            <a:ahLst/>
            <a:cxnLst/>
            <a:rect l="l" t="t" r="r" b="b"/>
            <a:pathLst>
              <a:path w="461645" h="461010">
                <a:moveTo>
                  <a:pt x="461022" y="0"/>
                </a:moveTo>
                <a:lnTo>
                  <a:pt x="0" y="0"/>
                </a:lnTo>
                <a:lnTo>
                  <a:pt x="0" y="460991"/>
                </a:lnTo>
                <a:lnTo>
                  <a:pt x="461022" y="460991"/>
                </a:lnTo>
                <a:lnTo>
                  <a:pt x="461022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9" name="bg object 19"/>
          <p:cNvSpPr/>
          <p:nvPr/>
        </p:nvSpPr>
        <p:spPr>
          <a:xfrm>
            <a:off x="4655949" y="3180080"/>
            <a:ext cx="209971" cy="279556"/>
          </a:xfrm>
          <a:custGeom>
            <a:avLst/>
            <a:gdLst/>
            <a:ahLst/>
            <a:cxnLst/>
            <a:rect l="l" t="t" r="r" b="b"/>
            <a:pathLst>
              <a:path w="461645" h="461010">
                <a:moveTo>
                  <a:pt x="461022" y="0"/>
                </a:moveTo>
                <a:lnTo>
                  <a:pt x="0" y="0"/>
                </a:lnTo>
                <a:lnTo>
                  <a:pt x="0" y="460959"/>
                </a:lnTo>
                <a:lnTo>
                  <a:pt x="461022" y="460959"/>
                </a:lnTo>
                <a:lnTo>
                  <a:pt x="461022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0" name="bg object 20"/>
          <p:cNvSpPr/>
          <p:nvPr/>
        </p:nvSpPr>
        <p:spPr>
          <a:xfrm>
            <a:off x="4349781" y="2771832"/>
            <a:ext cx="235098" cy="313443"/>
          </a:xfrm>
          <a:custGeom>
            <a:avLst/>
            <a:gdLst/>
            <a:ahLst/>
            <a:cxnLst/>
            <a:rect l="l" t="t" r="r" b="b"/>
            <a:pathLst>
              <a:path w="516890" h="516889">
                <a:moveTo>
                  <a:pt x="258170" y="0"/>
                </a:moveTo>
                <a:lnTo>
                  <a:pt x="211755" y="4160"/>
                </a:lnTo>
                <a:lnTo>
                  <a:pt x="168074" y="16154"/>
                </a:lnTo>
                <a:lnTo>
                  <a:pt x="127853" y="35252"/>
                </a:lnTo>
                <a:lnTo>
                  <a:pt x="91822" y="60725"/>
                </a:lnTo>
                <a:lnTo>
                  <a:pt x="60708" y="91843"/>
                </a:lnTo>
                <a:lnTo>
                  <a:pt x="35241" y="127876"/>
                </a:lnTo>
                <a:lnTo>
                  <a:pt x="16148" y="168095"/>
                </a:lnTo>
                <a:lnTo>
                  <a:pt x="4158" y="211769"/>
                </a:lnTo>
                <a:lnTo>
                  <a:pt x="0" y="258170"/>
                </a:lnTo>
                <a:lnTo>
                  <a:pt x="4158" y="304571"/>
                </a:lnTo>
                <a:lnTo>
                  <a:pt x="16148" y="348249"/>
                </a:lnTo>
                <a:lnTo>
                  <a:pt x="35241" y="388471"/>
                </a:lnTo>
                <a:lnTo>
                  <a:pt x="60708" y="424509"/>
                </a:lnTo>
                <a:lnTo>
                  <a:pt x="91822" y="455632"/>
                </a:lnTo>
                <a:lnTo>
                  <a:pt x="127853" y="481110"/>
                </a:lnTo>
                <a:lnTo>
                  <a:pt x="168074" y="500213"/>
                </a:lnTo>
                <a:lnTo>
                  <a:pt x="211755" y="512210"/>
                </a:lnTo>
                <a:lnTo>
                  <a:pt x="258170" y="516371"/>
                </a:lnTo>
                <a:lnTo>
                  <a:pt x="304587" y="512210"/>
                </a:lnTo>
                <a:lnTo>
                  <a:pt x="348270" y="500213"/>
                </a:lnTo>
                <a:lnTo>
                  <a:pt x="388491" y="481110"/>
                </a:lnTo>
                <a:lnTo>
                  <a:pt x="424522" y="455632"/>
                </a:lnTo>
                <a:lnTo>
                  <a:pt x="455635" y="424509"/>
                </a:lnTo>
                <a:lnTo>
                  <a:pt x="481101" y="388471"/>
                </a:lnTo>
                <a:lnTo>
                  <a:pt x="500193" y="348249"/>
                </a:lnTo>
                <a:lnTo>
                  <a:pt x="512182" y="304571"/>
                </a:lnTo>
                <a:lnTo>
                  <a:pt x="516340" y="258170"/>
                </a:lnTo>
                <a:lnTo>
                  <a:pt x="512182" y="211769"/>
                </a:lnTo>
                <a:lnTo>
                  <a:pt x="500193" y="168095"/>
                </a:lnTo>
                <a:lnTo>
                  <a:pt x="481101" y="127876"/>
                </a:lnTo>
                <a:lnTo>
                  <a:pt x="455635" y="91843"/>
                </a:lnTo>
                <a:lnTo>
                  <a:pt x="424522" y="60725"/>
                </a:lnTo>
                <a:lnTo>
                  <a:pt x="388491" y="35252"/>
                </a:lnTo>
                <a:lnTo>
                  <a:pt x="348270" y="16154"/>
                </a:lnTo>
                <a:lnTo>
                  <a:pt x="304587" y="4160"/>
                </a:lnTo>
                <a:lnTo>
                  <a:pt x="258170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1" name="bg object 21"/>
          <p:cNvSpPr/>
          <p:nvPr/>
        </p:nvSpPr>
        <p:spPr>
          <a:xfrm>
            <a:off x="4349781" y="3163270"/>
            <a:ext cx="235098" cy="313443"/>
          </a:xfrm>
          <a:custGeom>
            <a:avLst/>
            <a:gdLst/>
            <a:ahLst/>
            <a:cxnLst/>
            <a:rect l="l" t="t" r="r" b="b"/>
            <a:pathLst>
              <a:path w="516890" h="516889">
                <a:moveTo>
                  <a:pt x="258107" y="0"/>
                </a:moveTo>
                <a:lnTo>
                  <a:pt x="211711" y="4159"/>
                </a:lnTo>
                <a:lnTo>
                  <a:pt x="168044" y="16153"/>
                </a:lnTo>
                <a:lnTo>
                  <a:pt x="127834" y="35251"/>
                </a:lnTo>
                <a:lnTo>
                  <a:pt x="91811" y="60724"/>
                </a:lnTo>
                <a:lnTo>
                  <a:pt x="60702" y="91842"/>
                </a:lnTo>
                <a:lnTo>
                  <a:pt x="35238" y="127878"/>
                </a:lnTo>
                <a:lnTo>
                  <a:pt x="16147" y="168100"/>
                </a:lnTo>
                <a:lnTo>
                  <a:pt x="4158" y="211781"/>
                </a:lnTo>
                <a:lnTo>
                  <a:pt x="0" y="258191"/>
                </a:lnTo>
                <a:lnTo>
                  <a:pt x="4158" y="304601"/>
                </a:lnTo>
                <a:lnTo>
                  <a:pt x="16147" y="348278"/>
                </a:lnTo>
                <a:lnTo>
                  <a:pt x="35238" y="388495"/>
                </a:lnTo>
                <a:lnTo>
                  <a:pt x="60702" y="424521"/>
                </a:lnTo>
                <a:lnTo>
                  <a:pt x="91811" y="455630"/>
                </a:lnTo>
                <a:lnTo>
                  <a:pt x="127834" y="481094"/>
                </a:lnTo>
                <a:lnTo>
                  <a:pt x="168044" y="500184"/>
                </a:lnTo>
                <a:lnTo>
                  <a:pt x="211711" y="512172"/>
                </a:lnTo>
                <a:lnTo>
                  <a:pt x="258107" y="516329"/>
                </a:lnTo>
                <a:lnTo>
                  <a:pt x="304543" y="512172"/>
                </a:lnTo>
                <a:lnTo>
                  <a:pt x="348240" y="500184"/>
                </a:lnTo>
                <a:lnTo>
                  <a:pt x="388472" y="481094"/>
                </a:lnTo>
                <a:lnTo>
                  <a:pt x="424511" y="455630"/>
                </a:lnTo>
                <a:lnTo>
                  <a:pt x="455629" y="424521"/>
                </a:lnTo>
                <a:lnTo>
                  <a:pt x="481099" y="388495"/>
                </a:lnTo>
                <a:lnTo>
                  <a:pt x="500192" y="348278"/>
                </a:lnTo>
                <a:lnTo>
                  <a:pt x="512182" y="304601"/>
                </a:lnTo>
                <a:lnTo>
                  <a:pt x="516340" y="258191"/>
                </a:lnTo>
                <a:lnTo>
                  <a:pt x="512182" y="211781"/>
                </a:lnTo>
                <a:lnTo>
                  <a:pt x="500192" y="168100"/>
                </a:lnTo>
                <a:lnTo>
                  <a:pt x="481099" y="127878"/>
                </a:lnTo>
                <a:lnTo>
                  <a:pt x="455629" y="91842"/>
                </a:lnTo>
                <a:lnTo>
                  <a:pt x="424511" y="60724"/>
                </a:lnTo>
                <a:lnTo>
                  <a:pt x="388472" y="35251"/>
                </a:lnTo>
                <a:lnTo>
                  <a:pt x="348240" y="16153"/>
                </a:lnTo>
                <a:lnTo>
                  <a:pt x="304543" y="4159"/>
                </a:lnTo>
                <a:lnTo>
                  <a:pt x="258107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2" name="bg object 22"/>
          <p:cNvSpPr/>
          <p:nvPr/>
        </p:nvSpPr>
        <p:spPr>
          <a:xfrm>
            <a:off x="4643339" y="3554669"/>
            <a:ext cx="235098" cy="313443"/>
          </a:xfrm>
          <a:custGeom>
            <a:avLst/>
            <a:gdLst/>
            <a:ahLst/>
            <a:cxnLst/>
            <a:rect l="l" t="t" r="r" b="b"/>
            <a:pathLst>
              <a:path w="516890" h="516889">
                <a:moveTo>
                  <a:pt x="258232" y="0"/>
                </a:moveTo>
                <a:lnTo>
                  <a:pt x="211816" y="4158"/>
                </a:lnTo>
                <a:lnTo>
                  <a:pt x="168129" y="16146"/>
                </a:lnTo>
                <a:lnTo>
                  <a:pt x="127899" y="35237"/>
                </a:lnTo>
                <a:lnTo>
                  <a:pt x="91858" y="60702"/>
                </a:lnTo>
                <a:lnTo>
                  <a:pt x="60734" y="91812"/>
                </a:lnTo>
                <a:lnTo>
                  <a:pt x="35257" y="127839"/>
                </a:lnTo>
                <a:lnTo>
                  <a:pt x="16156" y="168055"/>
                </a:lnTo>
                <a:lnTo>
                  <a:pt x="4160" y="211731"/>
                </a:lnTo>
                <a:lnTo>
                  <a:pt x="0" y="258138"/>
                </a:lnTo>
                <a:lnTo>
                  <a:pt x="4160" y="304555"/>
                </a:lnTo>
                <a:lnTo>
                  <a:pt x="16156" y="348238"/>
                </a:lnTo>
                <a:lnTo>
                  <a:pt x="35257" y="388460"/>
                </a:lnTo>
                <a:lnTo>
                  <a:pt x="60734" y="424491"/>
                </a:lnTo>
                <a:lnTo>
                  <a:pt x="91858" y="455603"/>
                </a:lnTo>
                <a:lnTo>
                  <a:pt x="127899" y="481070"/>
                </a:lnTo>
                <a:lnTo>
                  <a:pt x="168129" y="500161"/>
                </a:lnTo>
                <a:lnTo>
                  <a:pt x="211816" y="512150"/>
                </a:lnTo>
                <a:lnTo>
                  <a:pt x="258232" y="516308"/>
                </a:lnTo>
                <a:lnTo>
                  <a:pt x="304631" y="512150"/>
                </a:lnTo>
                <a:lnTo>
                  <a:pt x="348299" y="500161"/>
                </a:lnTo>
                <a:lnTo>
                  <a:pt x="388510" y="481070"/>
                </a:lnTo>
                <a:lnTo>
                  <a:pt x="424533" y="455603"/>
                </a:lnTo>
                <a:lnTo>
                  <a:pt x="455640" y="424491"/>
                </a:lnTo>
                <a:lnTo>
                  <a:pt x="481103" y="388460"/>
                </a:lnTo>
                <a:lnTo>
                  <a:pt x="500193" y="348238"/>
                </a:lnTo>
                <a:lnTo>
                  <a:pt x="512182" y="304555"/>
                </a:lnTo>
                <a:lnTo>
                  <a:pt x="516340" y="258138"/>
                </a:lnTo>
                <a:lnTo>
                  <a:pt x="512182" y="211731"/>
                </a:lnTo>
                <a:lnTo>
                  <a:pt x="500193" y="168055"/>
                </a:lnTo>
                <a:lnTo>
                  <a:pt x="481103" y="127839"/>
                </a:lnTo>
                <a:lnTo>
                  <a:pt x="455640" y="91812"/>
                </a:lnTo>
                <a:lnTo>
                  <a:pt x="424533" y="60702"/>
                </a:lnTo>
                <a:lnTo>
                  <a:pt x="388510" y="35237"/>
                </a:lnTo>
                <a:lnTo>
                  <a:pt x="348299" y="16146"/>
                </a:lnTo>
                <a:lnTo>
                  <a:pt x="304631" y="4158"/>
                </a:lnTo>
                <a:lnTo>
                  <a:pt x="258232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3" name="bg object 23"/>
          <p:cNvSpPr/>
          <p:nvPr/>
        </p:nvSpPr>
        <p:spPr>
          <a:xfrm>
            <a:off x="4936874" y="2771832"/>
            <a:ext cx="235098" cy="313443"/>
          </a:xfrm>
          <a:custGeom>
            <a:avLst/>
            <a:gdLst/>
            <a:ahLst/>
            <a:cxnLst/>
            <a:rect l="l" t="t" r="r" b="b"/>
            <a:pathLst>
              <a:path w="516890" h="516889">
                <a:moveTo>
                  <a:pt x="258222" y="0"/>
                </a:moveTo>
                <a:lnTo>
                  <a:pt x="211820" y="4160"/>
                </a:lnTo>
                <a:lnTo>
                  <a:pt x="168140" y="16154"/>
                </a:lnTo>
                <a:lnTo>
                  <a:pt x="127915" y="35252"/>
                </a:lnTo>
                <a:lnTo>
                  <a:pt x="91874" y="60725"/>
                </a:lnTo>
                <a:lnTo>
                  <a:pt x="60747" y="91843"/>
                </a:lnTo>
                <a:lnTo>
                  <a:pt x="35266" y="127876"/>
                </a:lnTo>
                <a:lnTo>
                  <a:pt x="16160" y="168095"/>
                </a:lnTo>
                <a:lnTo>
                  <a:pt x="4161" y="211769"/>
                </a:lnTo>
                <a:lnTo>
                  <a:pt x="0" y="258170"/>
                </a:lnTo>
                <a:lnTo>
                  <a:pt x="4161" y="304571"/>
                </a:lnTo>
                <a:lnTo>
                  <a:pt x="16160" y="348249"/>
                </a:lnTo>
                <a:lnTo>
                  <a:pt x="35266" y="388471"/>
                </a:lnTo>
                <a:lnTo>
                  <a:pt x="60747" y="424509"/>
                </a:lnTo>
                <a:lnTo>
                  <a:pt x="91874" y="455632"/>
                </a:lnTo>
                <a:lnTo>
                  <a:pt x="127915" y="481110"/>
                </a:lnTo>
                <a:lnTo>
                  <a:pt x="168140" y="500213"/>
                </a:lnTo>
                <a:lnTo>
                  <a:pt x="211820" y="512210"/>
                </a:lnTo>
                <a:lnTo>
                  <a:pt x="258222" y="516371"/>
                </a:lnTo>
                <a:lnTo>
                  <a:pt x="304621" y="512210"/>
                </a:lnTo>
                <a:lnTo>
                  <a:pt x="348290" y="500213"/>
                </a:lnTo>
                <a:lnTo>
                  <a:pt x="388502" y="481110"/>
                </a:lnTo>
                <a:lnTo>
                  <a:pt x="424527" y="455632"/>
                </a:lnTo>
                <a:lnTo>
                  <a:pt x="455636" y="424509"/>
                </a:lnTo>
                <a:lnTo>
                  <a:pt x="481101" y="388471"/>
                </a:lnTo>
                <a:lnTo>
                  <a:pt x="500192" y="348249"/>
                </a:lnTo>
                <a:lnTo>
                  <a:pt x="512181" y="304571"/>
                </a:lnTo>
                <a:lnTo>
                  <a:pt x="516340" y="258170"/>
                </a:lnTo>
                <a:lnTo>
                  <a:pt x="512181" y="211769"/>
                </a:lnTo>
                <a:lnTo>
                  <a:pt x="500192" y="168095"/>
                </a:lnTo>
                <a:lnTo>
                  <a:pt x="481101" y="127876"/>
                </a:lnTo>
                <a:lnTo>
                  <a:pt x="455636" y="91843"/>
                </a:lnTo>
                <a:lnTo>
                  <a:pt x="424527" y="60725"/>
                </a:lnTo>
                <a:lnTo>
                  <a:pt x="388502" y="35252"/>
                </a:lnTo>
                <a:lnTo>
                  <a:pt x="348290" y="16154"/>
                </a:lnTo>
                <a:lnTo>
                  <a:pt x="304621" y="4160"/>
                </a:lnTo>
                <a:lnTo>
                  <a:pt x="258222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4" name="bg object 24"/>
          <p:cNvSpPr/>
          <p:nvPr/>
        </p:nvSpPr>
        <p:spPr>
          <a:xfrm>
            <a:off x="4936874" y="3163270"/>
            <a:ext cx="235098" cy="313443"/>
          </a:xfrm>
          <a:custGeom>
            <a:avLst/>
            <a:gdLst/>
            <a:ahLst/>
            <a:cxnLst/>
            <a:rect l="l" t="t" r="r" b="b"/>
            <a:pathLst>
              <a:path w="516890" h="516889">
                <a:moveTo>
                  <a:pt x="258222" y="0"/>
                </a:moveTo>
                <a:lnTo>
                  <a:pt x="211820" y="4159"/>
                </a:lnTo>
                <a:lnTo>
                  <a:pt x="168140" y="16153"/>
                </a:lnTo>
                <a:lnTo>
                  <a:pt x="127915" y="35251"/>
                </a:lnTo>
                <a:lnTo>
                  <a:pt x="91874" y="60724"/>
                </a:lnTo>
                <a:lnTo>
                  <a:pt x="60747" y="91842"/>
                </a:lnTo>
                <a:lnTo>
                  <a:pt x="35266" y="127878"/>
                </a:lnTo>
                <a:lnTo>
                  <a:pt x="16160" y="168100"/>
                </a:lnTo>
                <a:lnTo>
                  <a:pt x="4161" y="211781"/>
                </a:lnTo>
                <a:lnTo>
                  <a:pt x="0" y="258191"/>
                </a:lnTo>
                <a:lnTo>
                  <a:pt x="4161" y="304601"/>
                </a:lnTo>
                <a:lnTo>
                  <a:pt x="16160" y="348278"/>
                </a:lnTo>
                <a:lnTo>
                  <a:pt x="35266" y="388495"/>
                </a:lnTo>
                <a:lnTo>
                  <a:pt x="60747" y="424521"/>
                </a:lnTo>
                <a:lnTo>
                  <a:pt x="91874" y="455630"/>
                </a:lnTo>
                <a:lnTo>
                  <a:pt x="127915" y="481094"/>
                </a:lnTo>
                <a:lnTo>
                  <a:pt x="168140" y="500184"/>
                </a:lnTo>
                <a:lnTo>
                  <a:pt x="211820" y="512172"/>
                </a:lnTo>
                <a:lnTo>
                  <a:pt x="258222" y="516329"/>
                </a:lnTo>
                <a:lnTo>
                  <a:pt x="304621" y="512172"/>
                </a:lnTo>
                <a:lnTo>
                  <a:pt x="348290" y="500184"/>
                </a:lnTo>
                <a:lnTo>
                  <a:pt x="388502" y="481094"/>
                </a:lnTo>
                <a:lnTo>
                  <a:pt x="424527" y="455630"/>
                </a:lnTo>
                <a:lnTo>
                  <a:pt x="455636" y="424521"/>
                </a:lnTo>
                <a:lnTo>
                  <a:pt x="481101" y="388495"/>
                </a:lnTo>
                <a:lnTo>
                  <a:pt x="500192" y="348278"/>
                </a:lnTo>
                <a:lnTo>
                  <a:pt x="512181" y="304601"/>
                </a:lnTo>
                <a:lnTo>
                  <a:pt x="516340" y="258191"/>
                </a:lnTo>
                <a:lnTo>
                  <a:pt x="512181" y="211781"/>
                </a:lnTo>
                <a:lnTo>
                  <a:pt x="500192" y="168100"/>
                </a:lnTo>
                <a:lnTo>
                  <a:pt x="481101" y="127878"/>
                </a:lnTo>
                <a:lnTo>
                  <a:pt x="455636" y="91842"/>
                </a:lnTo>
                <a:lnTo>
                  <a:pt x="424527" y="60724"/>
                </a:lnTo>
                <a:lnTo>
                  <a:pt x="388502" y="35251"/>
                </a:lnTo>
                <a:lnTo>
                  <a:pt x="348290" y="16153"/>
                </a:lnTo>
                <a:lnTo>
                  <a:pt x="304621" y="4159"/>
                </a:lnTo>
                <a:lnTo>
                  <a:pt x="258222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5" name="bg object 25"/>
          <p:cNvSpPr/>
          <p:nvPr/>
        </p:nvSpPr>
        <p:spPr>
          <a:xfrm>
            <a:off x="5473085" y="2784913"/>
            <a:ext cx="629336" cy="1063548"/>
          </a:xfrm>
          <a:custGeom>
            <a:avLst/>
            <a:gdLst/>
            <a:ahLst/>
            <a:cxnLst/>
            <a:rect l="l" t="t" r="r" b="b"/>
            <a:pathLst>
              <a:path w="1383665" h="1753870">
                <a:moveTo>
                  <a:pt x="1214675" y="0"/>
                </a:moveTo>
                <a:lnTo>
                  <a:pt x="1131571" y="3666"/>
                </a:lnTo>
                <a:lnTo>
                  <a:pt x="1078888" y="14418"/>
                </a:lnTo>
                <a:lnTo>
                  <a:pt x="1051234" y="31884"/>
                </a:lnTo>
                <a:lnTo>
                  <a:pt x="1043214" y="55694"/>
                </a:lnTo>
                <a:lnTo>
                  <a:pt x="1043214" y="1088186"/>
                </a:lnTo>
                <a:lnTo>
                  <a:pt x="1040889" y="1142004"/>
                </a:lnTo>
                <a:lnTo>
                  <a:pt x="1034005" y="1192058"/>
                </a:lnTo>
                <a:lnTo>
                  <a:pt x="1022698" y="1238253"/>
                </a:lnTo>
                <a:lnTo>
                  <a:pt x="1007105" y="1280497"/>
                </a:lnTo>
                <a:lnTo>
                  <a:pt x="987361" y="1318694"/>
                </a:lnTo>
                <a:lnTo>
                  <a:pt x="963603" y="1352750"/>
                </a:lnTo>
                <a:lnTo>
                  <a:pt x="935967" y="1382571"/>
                </a:lnTo>
                <a:lnTo>
                  <a:pt x="904589" y="1408063"/>
                </a:lnTo>
                <a:lnTo>
                  <a:pt x="869605" y="1429132"/>
                </a:lnTo>
                <a:lnTo>
                  <a:pt x="831151" y="1445682"/>
                </a:lnTo>
                <a:lnTo>
                  <a:pt x="789364" y="1457621"/>
                </a:lnTo>
                <a:lnTo>
                  <a:pt x="744380" y="1464853"/>
                </a:lnTo>
                <a:lnTo>
                  <a:pt x="696334" y="1467285"/>
                </a:lnTo>
                <a:lnTo>
                  <a:pt x="648481" y="1464996"/>
                </a:lnTo>
                <a:lnTo>
                  <a:pt x="603447" y="1458107"/>
                </a:lnTo>
                <a:lnTo>
                  <a:pt x="561407" y="1446580"/>
                </a:lnTo>
                <a:lnTo>
                  <a:pt x="522538" y="1430380"/>
                </a:lnTo>
                <a:lnTo>
                  <a:pt x="487015" y="1409471"/>
                </a:lnTo>
                <a:lnTo>
                  <a:pt x="455013" y="1383815"/>
                </a:lnTo>
                <a:lnTo>
                  <a:pt x="426709" y="1353377"/>
                </a:lnTo>
                <a:lnTo>
                  <a:pt x="402277" y="1318121"/>
                </a:lnTo>
                <a:lnTo>
                  <a:pt x="381894" y="1278009"/>
                </a:lnTo>
                <a:lnTo>
                  <a:pt x="365734" y="1233007"/>
                </a:lnTo>
                <a:lnTo>
                  <a:pt x="353974" y="1183078"/>
                </a:lnTo>
                <a:lnTo>
                  <a:pt x="346789" y="1128184"/>
                </a:lnTo>
                <a:lnTo>
                  <a:pt x="344356" y="1068292"/>
                </a:lnTo>
                <a:lnTo>
                  <a:pt x="344356" y="55694"/>
                </a:lnTo>
                <a:lnTo>
                  <a:pt x="335965" y="31884"/>
                </a:lnTo>
                <a:lnTo>
                  <a:pt x="307683" y="14418"/>
                </a:lnTo>
                <a:lnTo>
                  <a:pt x="254846" y="3666"/>
                </a:lnTo>
                <a:lnTo>
                  <a:pt x="172790" y="0"/>
                </a:lnTo>
                <a:lnTo>
                  <a:pt x="88913" y="3666"/>
                </a:lnTo>
                <a:lnTo>
                  <a:pt x="35836" y="14418"/>
                </a:lnTo>
                <a:lnTo>
                  <a:pt x="8039" y="31884"/>
                </a:lnTo>
                <a:lnTo>
                  <a:pt x="0" y="55694"/>
                </a:lnTo>
                <a:lnTo>
                  <a:pt x="0" y="1098793"/>
                </a:lnTo>
                <a:lnTo>
                  <a:pt x="1323" y="1152482"/>
                </a:lnTo>
                <a:lnTo>
                  <a:pt x="5270" y="1203853"/>
                </a:lnTo>
                <a:lnTo>
                  <a:pt x="11802" y="1252910"/>
                </a:lnTo>
                <a:lnTo>
                  <a:pt x="20885" y="1299656"/>
                </a:lnTo>
                <a:lnTo>
                  <a:pt x="32482" y="1344093"/>
                </a:lnTo>
                <a:lnTo>
                  <a:pt x="46556" y="1386225"/>
                </a:lnTo>
                <a:lnTo>
                  <a:pt x="63070" y="1426054"/>
                </a:lnTo>
                <a:lnTo>
                  <a:pt x="81989" y="1463583"/>
                </a:lnTo>
                <a:lnTo>
                  <a:pt x="103276" y="1498816"/>
                </a:lnTo>
                <a:lnTo>
                  <a:pt x="126895" y="1531755"/>
                </a:lnTo>
                <a:lnTo>
                  <a:pt x="152808" y="1562402"/>
                </a:lnTo>
                <a:lnTo>
                  <a:pt x="180981" y="1590761"/>
                </a:lnTo>
                <a:lnTo>
                  <a:pt x="211376" y="1616835"/>
                </a:lnTo>
                <a:lnTo>
                  <a:pt x="243956" y="1640627"/>
                </a:lnTo>
                <a:lnTo>
                  <a:pt x="278687" y="1662139"/>
                </a:lnTo>
                <a:lnTo>
                  <a:pt x="315530" y="1681374"/>
                </a:lnTo>
                <a:lnTo>
                  <a:pt x="354450" y="1698335"/>
                </a:lnTo>
                <a:lnTo>
                  <a:pt x="395410" y="1713026"/>
                </a:lnTo>
                <a:lnTo>
                  <a:pt x="438374" y="1725449"/>
                </a:lnTo>
                <a:lnTo>
                  <a:pt x="483306" y="1735606"/>
                </a:lnTo>
                <a:lnTo>
                  <a:pt x="530169" y="1743501"/>
                </a:lnTo>
                <a:lnTo>
                  <a:pt x="578926" y="1749137"/>
                </a:lnTo>
                <a:lnTo>
                  <a:pt x="629541" y="1752517"/>
                </a:lnTo>
                <a:lnTo>
                  <a:pt x="681979" y="1753642"/>
                </a:lnTo>
                <a:lnTo>
                  <a:pt x="737670" y="1752357"/>
                </a:lnTo>
                <a:lnTo>
                  <a:pt x="791190" y="1748521"/>
                </a:lnTo>
                <a:lnTo>
                  <a:pt x="842519" y="1742167"/>
                </a:lnTo>
                <a:lnTo>
                  <a:pt x="891641" y="1733327"/>
                </a:lnTo>
                <a:lnTo>
                  <a:pt x="938538" y="1722035"/>
                </a:lnTo>
                <a:lnTo>
                  <a:pt x="983193" y="1708321"/>
                </a:lnTo>
                <a:lnTo>
                  <a:pt x="1025587" y="1692218"/>
                </a:lnTo>
                <a:lnTo>
                  <a:pt x="1065704" y="1673759"/>
                </a:lnTo>
                <a:lnTo>
                  <a:pt x="1103525" y="1652975"/>
                </a:lnTo>
                <a:lnTo>
                  <a:pt x="1139034" y="1629899"/>
                </a:lnTo>
                <a:lnTo>
                  <a:pt x="1172212" y="1604563"/>
                </a:lnTo>
                <a:lnTo>
                  <a:pt x="1203043" y="1577000"/>
                </a:lnTo>
                <a:lnTo>
                  <a:pt x="1231508" y="1547241"/>
                </a:lnTo>
                <a:lnTo>
                  <a:pt x="1257590" y="1515320"/>
                </a:lnTo>
                <a:lnTo>
                  <a:pt x="1281271" y="1481267"/>
                </a:lnTo>
                <a:lnTo>
                  <a:pt x="1302534" y="1445116"/>
                </a:lnTo>
                <a:lnTo>
                  <a:pt x="1321361" y="1406898"/>
                </a:lnTo>
                <a:lnTo>
                  <a:pt x="1337735" y="1366647"/>
                </a:lnTo>
                <a:lnTo>
                  <a:pt x="1351638" y="1324394"/>
                </a:lnTo>
                <a:lnTo>
                  <a:pt x="1363053" y="1280171"/>
                </a:lnTo>
                <a:lnTo>
                  <a:pt x="1371962" y="1234010"/>
                </a:lnTo>
                <a:lnTo>
                  <a:pt x="1378347" y="1185945"/>
                </a:lnTo>
                <a:lnTo>
                  <a:pt x="1382190" y="1136007"/>
                </a:lnTo>
                <a:lnTo>
                  <a:pt x="1383476" y="1084228"/>
                </a:lnTo>
                <a:lnTo>
                  <a:pt x="1383476" y="55694"/>
                </a:lnTo>
                <a:lnTo>
                  <a:pt x="1375508" y="31884"/>
                </a:lnTo>
                <a:lnTo>
                  <a:pt x="1348161" y="14418"/>
                </a:lnTo>
                <a:lnTo>
                  <a:pt x="1296272" y="3666"/>
                </a:lnTo>
                <a:lnTo>
                  <a:pt x="1214675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6" name="bg object 26"/>
          <p:cNvSpPr/>
          <p:nvPr/>
        </p:nvSpPr>
        <p:spPr>
          <a:xfrm>
            <a:off x="6187265" y="2772045"/>
            <a:ext cx="1256939" cy="1080106"/>
          </a:xfrm>
          <a:custGeom>
            <a:avLst/>
            <a:gdLst/>
            <a:ahLst/>
            <a:cxnLst/>
            <a:rect l="l" t="t" r="r" b="b"/>
            <a:pathLst>
              <a:path w="2763519" h="1781175">
                <a:moveTo>
                  <a:pt x="1295730" y="172300"/>
                </a:moveTo>
                <a:lnTo>
                  <a:pt x="1292352" y="104660"/>
                </a:lnTo>
                <a:lnTo>
                  <a:pt x="1282458" y="60490"/>
                </a:lnTo>
                <a:lnTo>
                  <a:pt x="1266431" y="36436"/>
                </a:lnTo>
                <a:lnTo>
                  <a:pt x="1244612" y="29159"/>
                </a:lnTo>
                <a:lnTo>
                  <a:pt x="51054" y="29159"/>
                </a:lnTo>
                <a:lnTo>
                  <a:pt x="28689" y="36436"/>
                </a:lnTo>
                <a:lnTo>
                  <a:pt x="12738" y="60490"/>
                </a:lnTo>
                <a:lnTo>
                  <a:pt x="3187" y="104660"/>
                </a:lnTo>
                <a:lnTo>
                  <a:pt x="0" y="172300"/>
                </a:lnTo>
                <a:lnTo>
                  <a:pt x="3187" y="237515"/>
                </a:lnTo>
                <a:lnTo>
                  <a:pt x="12738" y="281482"/>
                </a:lnTo>
                <a:lnTo>
                  <a:pt x="28689" y="306298"/>
                </a:lnTo>
                <a:lnTo>
                  <a:pt x="51054" y="314096"/>
                </a:lnTo>
                <a:lnTo>
                  <a:pt x="475043" y="314096"/>
                </a:lnTo>
                <a:lnTo>
                  <a:pt x="475043" y="1725028"/>
                </a:lnTo>
                <a:lnTo>
                  <a:pt x="483438" y="1748840"/>
                </a:lnTo>
                <a:lnTo>
                  <a:pt x="511835" y="1766316"/>
                </a:lnTo>
                <a:lnTo>
                  <a:pt x="565023" y="1777085"/>
                </a:lnTo>
                <a:lnTo>
                  <a:pt x="647776" y="1780755"/>
                </a:lnTo>
                <a:lnTo>
                  <a:pt x="730567" y="1777085"/>
                </a:lnTo>
                <a:lnTo>
                  <a:pt x="783767" y="1766316"/>
                </a:lnTo>
                <a:lnTo>
                  <a:pt x="812165" y="1748840"/>
                </a:lnTo>
                <a:lnTo>
                  <a:pt x="820572" y="1725028"/>
                </a:lnTo>
                <a:lnTo>
                  <a:pt x="820572" y="314096"/>
                </a:lnTo>
                <a:lnTo>
                  <a:pt x="1244612" y="314096"/>
                </a:lnTo>
                <a:lnTo>
                  <a:pt x="1266431" y="306298"/>
                </a:lnTo>
                <a:lnTo>
                  <a:pt x="1282458" y="281482"/>
                </a:lnTo>
                <a:lnTo>
                  <a:pt x="1292352" y="237515"/>
                </a:lnTo>
                <a:lnTo>
                  <a:pt x="1295730" y="172300"/>
                </a:lnTo>
                <a:close/>
              </a:path>
              <a:path w="2763519" h="1781175">
                <a:moveTo>
                  <a:pt x="2763329" y="295186"/>
                </a:moveTo>
                <a:lnTo>
                  <a:pt x="2759291" y="228015"/>
                </a:lnTo>
                <a:lnTo>
                  <a:pt x="2752102" y="182918"/>
                </a:lnTo>
                <a:lnTo>
                  <a:pt x="2710738" y="126695"/>
                </a:lnTo>
                <a:lnTo>
                  <a:pt x="2667762" y="99466"/>
                </a:lnTo>
                <a:lnTo>
                  <a:pt x="2607119" y="69761"/>
                </a:lnTo>
                <a:lnTo>
                  <a:pt x="2569857" y="55753"/>
                </a:lnTo>
                <a:lnTo>
                  <a:pt x="2528239" y="42672"/>
                </a:lnTo>
                <a:lnTo>
                  <a:pt x="2482469" y="30822"/>
                </a:lnTo>
                <a:lnTo>
                  <a:pt x="2432723" y="20485"/>
                </a:lnTo>
                <a:lnTo>
                  <a:pt x="2379205" y="11950"/>
                </a:lnTo>
                <a:lnTo>
                  <a:pt x="2322118" y="5499"/>
                </a:lnTo>
                <a:lnTo>
                  <a:pt x="2261654" y="1422"/>
                </a:lnTo>
                <a:lnTo>
                  <a:pt x="2198014" y="0"/>
                </a:lnTo>
                <a:lnTo>
                  <a:pt x="2146922" y="1066"/>
                </a:lnTo>
                <a:lnTo>
                  <a:pt x="2097011" y="4254"/>
                </a:lnTo>
                <a:lnTo>
                  <a:pt x="2048344" y="9537"/>
                </a:lnTo>
                <a:lnTo>
                  <a:pt x="2000923" y="16878"/>
                </a:lnTo>
                <a:lnTo>
                  <a:pt x="1954796" y="26263"/>
                </a:lnTo>
                <a:lnTo>
                  <a:pt x="1909991" y="37680"/>
                </a:lnTo>
                <a:lnTo>
                  <a:pt x="1866544" y="51079"/>
                </a:lnTo>
                <a:lnTo>
                  <a:pt x="1824494" y="66446"/>
                </a:lnTo>
                <a:lnTo>
                  <a:pt x="1783854" y="83756"/>
                </a:lnTo>
                <a:lnTo>
                  <a:pt x="1744675" y="102984"/>
                </a:lnTo>
                <a:lnTo>
                  <a:pt x="1706981" y="124104"/>
                </a:lnTo>
                <a:lnTo>
                  <a:pt x="1670812" y="147104"/>
                </a:lnTo>
                <a:lnTo>
                  <a:pt x="1636191" y="171932"/>
                </a:lnTo>
                <a:lnTo>
                  <a:pt x="1603159" y="198577"/>
                </a:lnTo>
                <a:lnTo>
                  <a:pt x="1571739" y="227012"/>
                </a:lnTo>
                <a:lnTo>
                  <a:pt x="1541970" y="257225"/>
                </a:lnTo>
                <a:lnTo>
                  <a:pt x="1513890" y="289166"/>
                </a:lnTo>
                <a:lnTo>
                  <a:pt x="1487525" y="322834"/>
                </a:lnTo>
                <a:lnTo>
                  <a:pt x="1462913" y="358190"/>
                </a:lnTo>
                <a:lnTo>
                  <a:pt x="1440078" y="395211"/>
                </a:lnTo>
                <a:lnTo>
                  <a:pt x="1419047" y="433882"/>
                </a:lnTo>
                <a:lnTo>
                  <a:pt x="1399882" y="474154"/>
                </a:lnTo>
                <a:lnTo>
                  <a:pt x="1382585" y="516026"/>
                </a:lnTo>
                <a:lnTo>
                  <a:pt x="1367193" y="559473"/>
                </a:lnTo>
                <a:lnTo>
                  <a:pt x="1353756" y="604443"/>
                </a:lnTo>
                <a:lnTo>
                  <a:pt x="1342301" y="650938"/>
                </a:lnTo>
                <a:lnTo>
                  <a:pt x="1332852" y="698919"/>
                </a:lnTo>
                <a:lnTo>
                  <a:pt x="1325448" y="748372"/>
                </a:lnTo>
                <a:lnTo>
                  <a:pt x="1320114" y="799261"/>
                </a:lnTo>
                <a:lnTo>
                  <a:pt x="1316888" y="851560"/>
                </a:lnTo>
                <a:lnTo>
                  <a:pt x="1315808" y="905256"/>
                </a:lnTo>
                <a:lnTo>
                  <a:pt x="1316888" y="959002"/>
                </a:lnTo>
                <a:lnTo>
                  <a:pt x="1320088" y="1011237"/>
                </a:lnTo>
                <a:lnTo>
                  <a:pt x="1325397" y="1061961"/>
                </a:lnTo>
                <a:lnTo>
                  <a:pt x="1332801" y="1111135"/>
                </a:lnTo>
                <a:lnTo>
                  <a:pt x="1342263" y="1158748"/>
                </a:lnTo>
                <a:lnTo>
                  <a:pt x="1353756" y="1204772"/>
                </a:lnTo>
                <a:lnTo>
                  <a:pt x="1367269" y="1249172"/>
                </a:lnTo>
                <a:lnTo>
                  <a:pt x="1382776" y="1291958"/>
                </a:lnTo>
                <a:lnTo>
                  <a:pt x="1400238" y="1333068"/>
                </a:lnTo>
                <a:lnTo>
                  <a:pt x="1419656" y="1372501"/>
                </a:lnTo>
                <a:lnTo>
                  <a:pt x="1440992" y="1410246"/>
                </a:lnTo>
                <a:lnTo>
                  <a:pt x="1464221" y="1446250"/>
                </a:lnTo>
                <a:lnTo>
                  <a:pt x="1489316" y="1480515"/>
                </a:lnTo>
                <a:lnTo>
                  <a:pt x="1516265" y="1513001"/>
                </a:lnTo>
                <a:lnTo>
                  <a:pt x="1545043" y="1543697"/>
                </a:lnTo>
                <a:lnTo>
                  <a:pt x="1575612" y="1572577"/>
                </a:lnTo>
                <a:lnTo>
                  <a:pt x="1607972" y="1599615"/>
                </a:lnTo>
                <a:lnTo>
                  <a:pt x="1642084" y="1624799"/>
                </a:lnTo>
                <a:lnTo>
                  <a:pt x="1677924" y="1648091"/>
                </a:lnTo>
                <a:lnTo>
                  <a:pt x="1715465" y="1669478"/>
                </a:lnTo>
                <a:lnTo>
                  <a:pt x="1754695" y="1688947"/>
                </a:lnTo>
                <a:lnTo>
                  <a:pt x="1795589" y="1706448"/>
                </a:lnTo>
                <a:lnTo>
                  <a:pt x="1838121" y="1721980"/>
                </a:lnTo>
                <a:lnTo>
                  <a:pt x="1882267" y="1735518"/>
                </a:lnTo>
                <a:lnTo>
                  <a:pt x="1927999" y="1747037"/>
                </a:lnTo>
                <a:lnTo>
                  <a:pt x="1975294" y="1756511"/>
                </a:lnTo>
                <a:lnTo>
                  <a:pt x="2024126" y="1763915"/>
                </a:lnTo>
                <a:lnTo>
                  <a:pt x="2074494" y="1769237"/>
                </a:lnTo>
                <a:lnTo>
                  <a:pt x="2126348" y="1772437"/>
                </a:lnTo>
                <a:lnTo>
                  <a:pt x="2179663" y="1773516"/>
                </a:lnTo>
                <a:lnTo>
                  <a:pt x="2231339" y="1772539"/>
                </a:lnTo>
                <a:lnTo>
                  <a:pt x="2283155" y="1769630"/>
                </a:lnTo>
                <a:lnTo>
                  <a:pt x="2334869" y="1764855"/>
                </a:lnTo>
                <a:lnTo>
                  <a:pt x="2386279" y="1758276"/>
                </a:lnTo>
                <a:lnTo>
                  <a:pt x="2437130" y="1749971"/>
                </a:lnTo>
                <a:lnTo>
                  <a:pt x="2487206" y="1739963"/>
                </a:lnTo>
                <a:lnTo>
                  <a:pt x="2536266" y="1728343"/>
                </a:lnTo>
                <a:lnTo>
                  <a:pt x="2584094" y="1715160"/>
                </a:lnTo>
                <a:lnTo>
                  <a:pt x="2650540" y="1695208"/>
                </a:lnTo>
                <a:lnTo>
                  <a:pt x="2700045" y="1673529"/>
                </a:lnTo>
                <a:lnTo>
                  <a:pt x="2733865" y="1647786"/>
                </a:lnTo>
                <a:lnTo>
                  <a:pt x="2759405" y="1574685"/>
                </a:lnTo>
                <a:lnTo>
                  <a:pt x="2759405" y="880097"/>
                </a:lnTo>
                <a:lnTo>
                  <a:pt x="2752826" y="833069"/>
                </a:lnTo>
                <a:lnTo>
                  <a:pt x="2734221" y="798080"/>
                </a:lnTo>
                <a:lnTo>
                  <a:pt x="2667762" y="768756"/>
                </a:lnTo>
                <a:lnTo>
                  <a:pt x="2095830" y="768756"/>
                </a:lnTo>
                <a:lnTo>
                  <a:pt x="2059228" y="798245"/>
                </a:lnTo>
                <a:lnTo>
                  <a:pt x="2049487" y="839203"/>
                </a:lnTo>
                <a:lnTo>
                  <a:pt x="2046135" y="901280"/>
                </a:lnTo>
                <a:lnTo>
                  <a:pt x="2049487" y="962050"/>
                </a:lnTo>
                <a:lnTo>
                  <a:pt x="2059228" y="1002690"/>
                </a:lnTo>
                <a:lnTo>
                  <a:pt x="2095830" y="1032497"/>
                </a:lnTo>
                <a:lnTo>
                  <a:pt x="2416518" y="1032497"/>
                </a:lnTo>
                <a:lnTo>
                  <a:pt x="2416518" y="1430185"/>
                </a:lnTo>
                <a:lnTo>
                  <a:pt x="2376576" y="1449451"/>
                </a:lnTo>
                <a:lnTo>
                  <a:pt x="2334120" y="1464310"/>
                </a:lnTo>
                <a:lnTo>
                  <a:pt x="2289784" y="1474838"/>
                </a:lnTo>
                <a:lnTo>
                  <a:pt x="2244191" y="1481112"/>
                </a:lnTo>
                <a:lnTo>
                  <a:pt x="2198014" y="1483194"/>
                </a:lnTo>
                <a:lnTo>
                  <a:pt x="2151646" y="1481645"/>
                </a:lnTo>
                <a:lnTo>
                  <a:pt x="2106866" y="1477010"/>
                </a:lnTo>
                <a:lnTo>
                  <a:pt x="2063737" y="1469301"/>
                </a:lnTo>
                <a:lnTo>
                  <a:pt x="2022373" y="1458556"/>
                </a:lnTo>
                <a:lnTo>
                  <a:pt x="1982838" y="1444752"/>
                </a:lnTo>
                <a:lnTo>
                  <a:pt x="1945233" y="1427937"/>
                </a:lnTo>
                <a:lnTo>
                  <a:pt x="1909648" y="1408125"/>
                </a:lnTo>
                <a:lnTo>
                  <a:pt x="1876145" y="1385316"/>
                </a:lnTo>
                <a:lnTo>
                  <a:pt x="1844827" y="1359522"/>
                </a:lnTo>
                <a:lnTo>
                  <a:pt x="1815795" y="1330782"/>
                </a:lnTo>
                <a:lnTo>
                  <a:pt x="1789099" y="1299095"/>
                </a:lnTo>
                <a:lnTo>
                  <a:pt x="1764855" y="1264475"/>
                </a:lnTo>
                <a:lnTo>
                  <a:pt x="1743138" y="1226947"/>
                </a:lnTo>
                <a:lnTo>
                  <a:pt x="1724050" y="1186535"/>
                </a:lnTo>
                <a:lnTo>
                  <a:pt x="1707642" y="1143228"/>
                </a:lnTo>
                <a:lnTo>
                  <a:pt x="1694040" y="1097064"/>
                </a:lnTo>
                <a:lnTo>
                  <a:pt x="1683296" y="1048054"/>
                </a:lnTo>
                <a:lnTo>
                  <a:pt x="1675523" y="996213"/>
                </a:lnTo>
                <a:lnTo>
                  <a:pt x="1670799" y="941552"/>
                </a:lnTo>
                <a:lnTo>
                  <a:pt x="1669199" y="884085"/>
                </a:lnTo>
                <a:lnTo>
                  <a:pt x="1670773" y="831291"/>
                </a:lnTo>
                <a:lnTo>
                  <a:pt x="1675434" y="780338"/>
                </a:lnTo>
                <a:lnTo>
                  <a:pt x="1683105" y="731329"/>
                </a:lnTo>
                <a:lnTo>
                  <a:pt x="1693748" y="684352"/>
                </a:lnTo>
                <a:lnTo>
                  <a:pt x="1707261" y="639483"/>
                </a:lnTo>
                <a:lnTo>
                  <a:pt x="1723580" y="596849"/>
                </a:lnTo>
                <a:lnTo>
                  <a:pt x="1742655" y="556514"/>
                </a:lnTo>
                <a:lnTo>
                  <a:pt x="1764398" y="518579"/>
                </a:lnTo>
                <a:lnTo>
                  <a:pt x="1788731" y="483146"/>
                </a:lnTo>
                <a:lnTo>
                  <a:pt x="1815617" y="450303"/>
                </a:lnTo>
                <a:lnTo>
                  <a:pt x="1844954" y="420154"/>
                </a:lnTo>
                <a:lnTo>
                  <a:pt x="1876691" y="392772"/>
                </a:lnTo>
                <a:lnTo>
                  <a:pt x="1910753" y="368261"/>
                </a:lnTo>
                <a:lnTo>
                  <a:pt x="1947062" y="346722"/>
                </a:lnTo>
                <a:lnTo>
                  <a:pt x="1985568" y="328244"/>
                </a:lnTo>
                <a:lnTo>
                  <a:pt x="2026170" y="312902"/>
                </a:lnTo>
                <a:lnTo>
                  <a:pt x="2068830" y="300812"/>
                </a:lnTo>
                <a:lnTo>
                  <a:pt x="2113470" y="292061"/>
                </a:lnTo>
                <a:lnTo>
                  <a:pt x="2160016" y="286753"/>
                </a:lnTo>
                <a:lnTo>
                  <a:pt x="2208390" y="284949"/>
                </a:lnTo>
                <a:lnTo>
                  <a:pt x="2288260" y="288467"/>
                </a:lnTo>
                <a:lnTo>
                  <a:pt x="2360892" y="298119"/>
                </a:lnTo>
                <a:lnTo>
                  <a:pt x="2426436" y="312534"/>
                </a:lnTo>
                <a:lnTo>
                  <a:pt x="2485098" y="330352"/>
                </a:lnTo>
                <a:lnTo>
                  <a:pt x="2537002" y="350227"/>
                </a:lnTo>
                <a:lnTo>
                  <a:pt x="2582341" y="370763"/>
                </a:lnTo>
                <a:lnTo>
                  <a:pt x="2621267" y="390639"/>
                </a:lnTo>
                <a:lnTo>
                  <a:pt x="2680563" y="422871"/>
                </a:lnTo>
                <a:lnTo>
                  <a:pt x="2701264" y="432523"/>
                </a:lnTo>
                <a:lnTo>
                  <a:pt x="2750655" y="406704"/>
                </a:lnTo>
                <a:lnTo>
                  <a:pt x="2759887" y="365086"/>
                </a:lnTo>
                <a:lnTo>
                  <a:pt x="2763329" y="301091"/>
                </a:lnTo>
                <a:lnTo>
                  <a:pt x="2763329" y="295186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7" name="bg object 27"/>
          <p:cNvSpPr/>
          <p:nvPr/>
        </p:nvSpPr>
        <p:spPr>
          <a:xfrm>
            <a:off x="4349782" y="4128149"/>
            <a:ext cx="168959" cy="283022"/>
          </a:xfrm>
          <a:custGeom>
            <a:avLst/>
            <a:gdLst/>
            <a:ahLst/>
            <a:cxnLst/>
            <a:rect l="l" t="t" r="r" b="b"/>
            <a:pathLst>
              <a:path w="371475" h="466725">
                <a:moveTo>
                  <a:pt x="339015" y="0"/>
                </a:moveTo>
                <a:lnTo>
                  <a:pt x="323372" y="0"/>
                </a:lnTo>
                <a:lnTo>
                  <a:pt x="316911" y="209"/>
                </a:lnTo>
                <a:lnTo>
                  <a:pt x="291645" y="12261"/>
                </a:lnTo>
                <a:lnTo>
                  <a:pt x="291645" y="315540"/>
                </a:lnTo>
                <a:lnTo>
                  <a:pt x="275382" y="334628"/>
                </a:lnTo>
                <a:lnTo>
                  <a:pt x="244204" y="365465"/>
                </a:lnTo>
                <a:lnTo>
                  <a:pt x="199830" y="392988"/>
                </a:lnTo>
                <a:lnTo>
                  <a:pt x="170256" y="398249"/>
                </a:lnTo>
                <a:lnTo>
                  <a:pt x="159124" y="397696"/>
                </a:lnTo>
                <a:lnTo>
                  <a:pt x="121847" y="384526"/>
                </a:lnTo>
                <a:lnTo>
                  <a:pt x="96369" y="356105"/>
                </a:lnTo>
                <a:lnTo>
                  <a:pt x="82487" y="313515"/>
                </a:lnTo>
                <a:lnTo>
                  <a:pt x="79421" y="265342"/>
                </a:lnTo>
                <a:lnTo>
                  <a:pt x="79421" y="12261"/>
                </a:lnTo>
                <a:lnTo>
                  <a:pt x="78730" y="10114"/>
                </a:lnTo>
                <a:lnTo>
                  <a:pt x="47380" y="0"/>
                </a:lnTo>
                <a:lnTo>
                  <a:pt x="32040" y="0"/>
                </a:lnTo>
                <a:lnTo>
                  <a:pt x="0" y="12261"/>
                </a:lnTo>
                <a:lnTo>
                  <a:pt x="0" y="275834"/>
                </a:lnTo>
                <a:lnTo>
                  <a:pt x="1988" y="319180"/>
                </a:lnTo>
                <a:lnTo>
                  <a:pt x="12488" y="371331"/>
                </a:lnTo>
                <a:lnTo>
                  <a:pt x="33967" y="412835"/>
                </a:lnTo>
                <a:lnTo>
                  <a:pt x="67545" y="443981"/>
                </a:lnTo>
                <a:lnTo>
                  <a:pt x="114359" y="462559"/>
                </a:lnTo>
                <a:lnTo>
                  <a:pt x="153984" y="466142"/>
                </a:lnTo>
                <a:lnTo>
                  <a:pt x="172324" y="464973"/>
                </a:lnTo>
                <a:lnTo>
                  <a:pt x="226631" y="447483"/>
                </a:lnTo>
                <a:lnTo>
                  <a:pt x="262735" y="423344"/>
                </a:lnTo>
                <a:lnTo>
                  <a:pt x="299341" y="388187"/>
                </a:lnTo>
                <a:lnTo>
                  <a:pt x="299341" y="447640"/>
                </a:lnTo>
                <a:lnTo>
                  <a:pt x="327843" y="459902"/>
                </a:lnTo>
                <a:lnTo>
                  <a:pt x="341874" y="459902"/>
                </a:lnTo>
                <a:lnTo>
                  <a:pt x="371056" y="447640"/>
                </a:lnTo>
                <a:lnTo>
                  <a:pt x="371056" y="445096"/>
                </a:lnTo>
                <a:lnTo>
                  <a:pt x="371056" y="12261"/>
                </a:lnTo>
                <a:lnTo>
                  <a:pt x="345350" y="209"/>
                </a:lnTo>
                <a:lnTo>
                  <a:pt x="339015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8" name="bg object 28"/>
          <p:cNvSpPr/>
          <p:nvPr/>
        </p:nvSpPr>
        <p:spPr>
          <a:xfrm>
            <a:off x="4737161" y="4124085"/>
            <a:ext cx="168670" cy="283022"/>
          </a:xfrm>
          <a:custGeom>
            <a:avLst/>
            <a:gdLst/>
            <a:ahLst/>
            <a:cxnLst/>
            <a:rect l="l" t="t" r="r" b="b"/>
            <a:pathLst>
              <a:path w="370840" h="466725">
                <a:moveTo>
                  <a:pt x="216579" y="0"/>
                </a:moveTo>
                <a:lnTo>
                  <a:pt x="161787" y="10615"/>
                </a:lnTo>
                <a:lnTo>
                  <a:pt x="125641" y="29679"/>
                </a:lnTo>
                <a:lnTo>
                  <a:pt x="89437" y="59443"/>
                </a:lnTo>
                <a:lnTo>
                  <a:pt x="71285" y="78405"/>
                </a:lnTo>
                <a:lnTo>
                  <a:pt x="71285" y="18962"/>
                </a:lnTo>
                <a:lnTo>
                  <a:pt x="42909" y="6701"/>
                </a:lnTo>
                <a:lnTo>
                  <a:pt x="28564" y="6701"/>
                </a:lnTo>
                <a:lnTo>
                  <a:pt x="0" y="18962"/>
                </a:lnTo>
                <a:lnTo>
                  <a:pt x="0" y="454342"/>
                </a:lnTo>
                <a:lnTo>
                  <a:pt x="31611" y="466603"/>
                </a:lnTo>
                <a:lnTo>
                  <a:pt x="47192" y="466603"/>
                </a:lnTo>
                <a:lnTo>
                  <a:pt x="78929" y="454342"/>
                </a:lnTo>
                <a:lnTo>
                  <a:pt x="78929" y="151052"/>
                </a:lnTo>
                <a:lnTo>
                  <a:pt x="95003" y="131975"/>
                </a:lnTo>
                <a:lnTo>
                  <a:pt x="126088" y="101151"/>
                </a:lnTo>
                <a:lnTo>
                  <a:pt x="170704" y="73615"/>
                </a:lnTo>
                <a:lnTo>
                  <a:pt x="200370" y="68353"/>
                </a:lnTo>
                <a:lnTo>
                  <a:pt x="211489" y="68894"/>
                </a:lnTo>
                <a:lnTo>
                  <a:pt x="249069" y="81737"/>
                </a:lnTo>
                <a:lnTo>
                  <a:pt x="274340" y="110335"/>
                </a:lnTo>
                <a:lnTo>
                  <a:pt x="288447" y="152689"/>
                </a:lnTo>
                <a:lnTo>
                  <a:pt x="291645" y="199826"/>
                </a:lnTo>
                <a:lnTo>
                  <a:pt x="291645" y="454342"/>
                </a:lnTo>
                <a:lnTo>
                  <a:pt x="292336" y="456520"/>
                </a:lnTo>
                <a:lnTo>
                  <a:pt x="323372" y="466603"/>
                </a:lnTo>
                <a:lnTo>
                  <a:pt x="339026" y="466603"/>
                </a:lnTo>
                <a:lnTo>
                  <a:pt x="370564" y="454342"/>
                </a:lnTo>
                <a:lnTo>
                  <a:pt x="370564" y="451797"/>
                </a:lnTo>
                <a:lnTo>
                  <a:pt x="370564" y="189313"/>
                </a:lnTo>
                <a:lnTo>
                  <a:pt x="368577" y="146707"/>
                </a:lnTo>
                <a:lnTo>
                  <a:pt x="358080" y="94818"/>
                </a:lnTo>
                <a:lnTo>
                  <a:pt x="336597" y="53548"/>
                </a:lnTo>
                <a:lnTo>
                  <a:pt x="303045" y="22484"/>
                </a:lnTo>
                <a:lnTo>
                  <a:pt x="256205" y="3649"/>
                </a:lnTo>
                <a:lnTo>
                  <a:pt x="237241" y="912"/>
                </a:lnTo>
                <a:lnTo>
                  <a:pt x="216579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9" name="bg object 29"/>
          <p:cNvSpPr/>
          <p:nvPr/>
        </p:nvSpPr>
        <p:spPr>
          <a:xfrm>
            <a:off x="5119123" y="4020573"/>
            <a:ext cx="44478" cy="386605"/>
          </a:xfrm>
          <a:custGeom>
            <a:avLst/>
            <a:gdLst/>
            <a:ahLst/>
            <a:cxnLst/>
            <a:rect l="l" t="t" r="r" b="b"/>
            <a:pathLst>
              <a:path w="97790" h="637540">
                <a:moveTo>
                  <a:pt x="56752" y="177397"/>
                </a:moveTo>
                <a:lnTo>
                  <a:pt x="41108" y="177397"/>
                </a:lnTo>
                <a:lnTo>
                  <a:pt x="34700" y="177701"/>
                </a:lnTo>
                <a:lnTo>
                  <a:pt x="9559" y="189973"/>
                </a:lnTo>
                <a:lnTo>
                  <a:pt x="9559" y="625038"/>
                </a:lnTo>
                <a:lnTo>
                  <a:pt x="41108" y="637299"/>
                </a:lnTo>
                <a:lnTo>
                  <a:pt x="56752" y="637299"/>
                </a:lnTo>
                <a:lnTo>
                  <a:pt x="63265" y="636985"/>
                </a:lnTo>
                <a:lnTo>
                  <a:pt x="73453" y="635718"/>
                </a:lnTo>
                <a:lnTo>
                  <a:pt x="77432" y="634755"/>
                </a:lnTo>
                <a:lnTo>
                  <a:pt x="80280" y="633478"/>
                </a:lnTo>
                <a:lnTo>
                  <a:pt x="83201" y="632211"/>
                </a:lnTo>
                <a:lnTo>
                  <a:pt x="85243" y="630692"/>
                </a:lnTo>
                <a:lnTo>
                  <a:pt x="86562" y="628954"/>
                </a:lnTo>
                <a:lnTo>
                  <a:pt x="87798" y="627216"/>
                </a:lnTo>
                <a:lnTo>
                  <a:pt x="88416" y="625038"/>
                </a:lnTo>
                <a:lnTo>
                  <a:pt x="88416" y="189973"/>
                </a:lnTo>
                <a:lnTo>
                  <a:pt x="80280" y="181219"/>
                </a:lnTo>
                <a:lnTo>
                  <a:pt x="77432" y="179942"/>
                </a:lnTo>
                <a:lnTo>
                  <a:pt x="73453" y="178978"/>
                </a:lnTo>
                <a:lnTo>
                  <a:pt x="63265" y="177701"/>
                </a:lnTo>
                <a:lnTo>
                  <a:pt x="56752" y="177397"/>
                </a:lnTo>
                <a:close/>
              </a:path>
              <a:path w="97790" h="637540">
                <a:moveTo>
                  <a:pt x="49244" y="0"/>
                </a:moveTo>
                <a:lnTo>
                  <a:pt x="10491" y="10062"/>
                </a:lnTo>
                <a:lnTo>
                  <a:pt x="0" y="47810"/>
                </a:lnTo>
                <a:lnTo>
                  <a:pt x="640" y="60341"/>
                </a:lnTo>
                <a:lnTo>
                  <a:pt x="24922" y="92213"/>
                </a:lnTo>
                <a:lnTo>
                  <a:pt x="48302" y="94656"/>
                </a:lnTo>
                <a:lnTo>
                  <a:pt x="61272" y="94033"/>
                </a:lnTo>
                <a:lnTo>
                  <a:pt x="94900" y="70161"/>
                </a:lnTo>
                <a:lnTo>
                  <a:pt x="97546" y="46846"/>
                </a:lnTo>
                <a:lnTo>
                  <a:pt x="96895" y="34317"/>
                </a:lnTo>
                <a:lnTo>
                  <a:pt x="72614" y="2459"/>
                </a:lnTo>
                <a:lnTo>
                  <a:pt x="49244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0" name="bg object 30"/>
          <p:cNvSpPr/>
          <p:nvPr/>
        </p:nvSpPr>
        <p:spPr>
          <a:xfrm>
            <a:off x="5352112" y="4128149"/>
            <a:ext cx="186576" cy="279172"/>
          </a:xfrm>
          <a:custGeom>
            <a:avLst/>
            <a:gdLst/>
            <a:ahLst/>
            <a:cxnLst/>
            <a:rect l="l" t="t" r="r" b="b"/>
            <a:pathLst>
              <a:path w="410209" h="460375">
                <a:moveTo>
                  <a:pt x="380239" y="0"/>
                </a:moveTo>
                <a:lnTo>
                  <a:pt x="364282" y="0"/>
                </a:lnTo>
                <a:lnTo>
                  <a:pt x="357329" y="209"/>
                </a:lnTo>
                <a:lnTo>
                  <a:pt x="329393" y="15277"/>
                </a:lnTo>
                <a:lnTo>
                  <a:pt x="209365" y="370020"/>
                </a:lnTo>
                <a:lnTo>
                  <a:pt x="207941" y="375768"/>
                </a:lnTo>
                <a:lnTo>
                  <a:pt x="84562" y="15277"/>
                </a:lnTo>
                <a:lnTo>
                  <a:pt x="83327" y="12407"/>
                </a:lnTo>
                <a:lnTo>
                  <a:pt x="47935" y="0"/>
                </a:lnTo>
                <a:lnTo>
                  <a:pt x="25203" y="146"/>
                </a:lnTo>
                <a:lnTo>
                  <a:pt x="0" y="11298"/>
                </a:lnTo>
                <a:lnTo>
                  <a:pt x="0" y="13842"/>
                </a:lnTo>
                <a:lnTo>
                  <a:pt x="152309" y="445902"/>
                </a:lnTo>
                <a:lnTo>
                  <a:pt x="195522" y="459902"/>
                </a:lnTo>
                <a:lnTo>
                  <a:pt x="214642" y="459902"/>
                </a:lnTo>
                <a:lnTo>
                  <a:pt x="256128" y="449064"/>
                </a:lnTo>
                <a:lnTo>
                  <a:pt x="405882" y="33925"/>
                </a:lnTo>
                <a:lnTo>
                  <a:pt x="409673" y="13842"/>
                </a:lnTo>
                <a:lnTo>
                  <a:pt x="409673" y="11298"/>
                </a:lnTo>
                <a:lnTo>
                  <a:pt x="380239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1" name="bg object 31"/>
          <p:cNvSpPr/>
          <p:nvPr/>
        </p:nvSpPr>
        <p:spPr>
          <a:xfrm>
            <a:off x="5714039" y="4124081"/>
            <a:ext cx="180223" cy="286873"/>
          </a:xfrm>
          <a:custGeom>
            <a:avLst/>
            <a:gdLst/>
            <a:ahLst/>
            <a:cxnLst/>
            <a:rect l="l" t="t" r="r" b="b"/>
            <a:pathLst>
              <a:path w="396240" h="473075">
                <a:moveTo>
                  <a:pt x="206527" y="0"/>
                </a:moveTo>
                <a:lnTo>
                  <a:pt x="161459" y="4117"/>
                </a:lnTo>
                <a:lnTo>
                  <a:pt x="120907" y="16481"/>
                </a:lnTo>
                <a:lnTo>
                  <a:pt x="85484" y="36581"/>
                </a:lnTo>
                <a:lnTo>
                  <a:pt x="55593" y="63895"/>
                </a:lnTo>
                <a:lnTo>
                  <a:pt x="31809" y="98008"/>
                </a:lnTo>
                <a:lnTo>
                  <a:pt x="14303" y="138896"/>
                </a:lnTo>
                <a:lnTo>
                  <a:pt x="3541" y="185918"/>
                </a:lnTo>
                <a:lnTo>
                  <a:pt x="111" y="233969"/>
                </a:lnTo>
                <a:lnTo>
                  <a:pt x="0" y="239931"/>
                </a:lnTo>
                <a:lnTo>
                  <a:pt x="829" y="266843"/>
                </a:lnTo>
                <a:lnTo>
                  <a:pt x="7785" y="317998"/>
                </a:lnTo>
                <a:lnTo>
                  <a:pt x="21606" y="361947"/>
                </a:lnTo>
                <a:lnTo>
                  <a:pt x="42164" y="398516"/>
                </a:lnTo>
                <a:lnTo>
                  <a:pt x="69368" y="427716"/>
                </a:lnTo>
                <a:lnTo>
                  <a:pt x="102963" y="449709"/>
                </a:lnTo>
                <a:lnTo>
                  <a:pt x="142920" y="464492"/>
                </a:lnTo>
                <a:lnTo>
                  <a:pt x="189412" y="471923"/>
                </a:lnTo>
                <a:lnTo>
                  <a:pt x="215103" y="472854"/>
                </a:lnTo>
                <a:lnTo>
                  <a:pt x="230192" y="472568"/>
                </a:lnTo>
                <a:lnTo>
                  <a:pt x="272714" y="468289"/>
                </a:lnTo>
                <a:lnTo>
                  <a:pt x="320283" y="458006"/>
                </a:lnTo>
                <a:lnTo>
                  <a:pt x="362376" y="442332"/>
                </a:lnTo>
                <a:lnTo>
                  <a:pt x="375978" y="425756"/>
                </a:lnTo>
                <a:lnTo>
                  <a:pt x="376470" y="423369"/>
                </a:lnTo>
                <a:lnTo>
                  <a:pt x="376847" y="420667"/>
                </a:lnTo>
                <a:lnTo>
                  <a:pt x="377213" y="417620"/>
                </a:lnTo>
                <a:lnTo>
                  <a:pt x="377527" y="414573"/>
                </a:lnTo>
                <a:lnTo>
                  <a:pt x="377653" y="408772"/>
                </a:lnTo>
                <a:lnTo>
                  <a:pt x="222485" y="408772"/>
                </a:lnTo>
                <a:lnTo>
                  <a:pt x="203778" y="408085"/>
                </a:lnTo>
                <a:lnTo>
                  <a:pt x="156665" y="397778"/>
                </a:lnTo>
                <a:lnTo>
                  <a:pt x="121980" y="375903"/>
                </a:lnTo>
                <a:lnTo>
                  <a:pt x="98525" y="343625"/>
                </a:lnTo>
                <a:lnTo>
                  <a:pt x="85789" y="302185"/>
                </a:lnTo>
                <a:lnTo>
                  <a:pt x="81725" y="252421"/>
                </a:lnTo>
                <a:lnTo>
                  <a:pt x="373119" y="252421"/>
                </a:lnTo>
                <a:lnTo>
                  <a:pt x="380198" y="249782"/>
                </a:lnTo>
                <a:lnTo>
                  <a:pt x="395841" y="218003"/>
                </a:lnTo>
                <a:lnTo>
                  <a:pt x="395841" y="203658"/>
                </a:lnTo>
                <a:lnTo>
                  <a:pt x="395547" y="194590"/>
                </a:lnTo>
                <a:lnTo>
                  <a:pt x="81725" y="194590"/>
                </a:lnTo>
                <a:lnTo>
                  <a:pt x="82644" y="181575"/>
                </a:lnTo>
                <a:lnTo>
                  <a:pt x="90856" y="144142"/>
                </a:lnTo>
                <a:lnTo>
                  <a:pt x="113954" y="101829"/>
                </a:lnTo>
                <a:lnTo>
                  <a:pt x="151021" y="72678"/>
                </a:lnTo>
                <a:lnTo>
                  <a:pt x="188270" y="62371"/>
                </a:lnTo>
                <a:lnTo>
                  <a:pt x="202496" y="61683"/>
                </a:lnTo>
                <a:lnTo>
                  <a:pt x="352642" y="61683"/>
                </a:lnTo>
                <a:lnTo>
                  <a:pt x="351392" y="60008"/>
                </a:lnTo>
                <a:lnTo>
                  <a:pt x="309836" y="25093"/>
                </a:lnTo>
                <a:lnTo>
                  <a:pt x="274071" y="9157"/>
                </a:lnTo>
                <a:lnTo>
                  <a:pt x="230920" y="1018"/>
                </a:lnTo>
                <a:lnTo>
                  <a:pt x="206527" y="0"/>
                </a:lnTo>
                <a:close/>
              </a:path>
              <a:path w="396240" h="473075">
                <a:moveTo>
                  <a:pt x="366973" y="376260"/>
                </a:moveTo>
                <a:lnTo>
                  <a:pt x="360889" y="376260"/>
                </a:lnTo>
                <a:lnTo>
                  <a:pt x="355172" y="377946"/>
                </a:lnTo>
                <a:lnTo>
                  <a:pt x="347665" y="381297"/>
                </a:lnTo>
                <a:lnTo>
                  <a:pt x="341605" y="383868"/>
                </a:lnTo>
                <a:lnTo>
                  <a:pt x="299652" y="398438"/>
                </a:lnTo>
                <a:lnTo>
                  <a:pt x="251548" y="407515"/>
                </a:lnTo>
                <a:lnTo>
                  <a:pt x="222485" y="408772"/>
                </a:lnTo>
                <a:lnTo>
                  <a:pt x="377653" y="408772"/>
                </a:lnTo>
                <a:lnTo>
                  <a:pt x="377653" y="401139"/>
                </a:lnTo>
                <a:lnTo>
                  <a:pt x="377402" y="396260"/>
                </a:lnTo>
                <a:lnTo>
                  <a:pt x="368952" y="376826"/>
                </a:lnTo>
                <a:lnTo>
                  <a:pt x="366973" y="376260"/>
                </a:lnTo>
                <a:close/>
              </a:path>
              <a:path w="396240" h="473075">
                <a:moveTo>
                  <a:pt x="352642" y="61683"/>
                </a:moveTo>
                <a:lnTo>
                  <a:pt x="202496" y="61683"/>
                </a:lnTo>
                <a:lnTo>
                  <a:pt x="229341" y="63895"/>
                </a:lnTo>
                <a:lnTo>
                  <a:pt x="252680" y="70529"/>
                </a:lnTo>
                <a:lnTo>
                  <a:pt x="288808" y="97044"/>
                </a:lnTo>
                <a:lnTo>
                  <a:pt x="310283" y="139122"/>
                </a:lnTo>
                <a:lnTo>
                  <a:pt x="316493" y="194590"/>
                </a:lnTo>
                <a:lnTo>
                  <a:pt x="395547" y="194590"/>
                </a:lnTo>
                <a:lnTo>
                  <a:pt x="389798" y="143380"/>
                </a:lnTo>
                <a:lnTo>
                  <a:pt x="378948" y="106616"/>
                </a:lnTo>
                <a:lnTo>
                  <a:pt x="362088" y="74344"/>
                </a:lnTo>
                <a:lnTo>
                  <a:pt x="352642" y="61683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2" name="bg object 32"/>
          <p:cNvSpPr/>
          <p:nvPr/>
        </p:nvSpPr>
        <p:spPr>
          <a:xfrm>
            <a:off x="6100976" y="4124079"/>
            <a:ext cx="114661" cy="283022"/>
          </a:xfrm>
          <a:custGeom>
            <a:avLst/>
            <a:gdLst/>
            <a:ahLst/>
            <a:cxnLst/>
            <a:rect l="l" t="t" r="r" b="b"/>
            <a:pathLst>
              <a:path w="252094" h="466725">
                <a:moveTo>
                  <a:pt x="192978" y="0"/>
                </a:moveTo>
                <a:lnTo>
                  <a:pt x="154522" y="5735"/>
                </a:lnTo>
                <a:lnTo>
                  <a:pt x="119568" y="27558"/>
                </a:lnTo>
                <a:lnTo>
                  <a:pt x="88362" y="60711"/>
                </a:lnTo>
                <a:lnTo>
                  <a:pt x="71212" y="84133"/>
                </a:lnTo>
                <a:lnTo>
                  <a:pt x="71212" y="18973"/>
                </a:lnTo>
                <a:lnTo>
                  <a:pt x="42846" y="6711"/>
                </a:lnTo>
                <a:lnTo>
                  <a:pt x="28501" y="6711"/>
                </a:lnTo>
                <a:lnTo>
                  <a:pt x="0" y="18973"/>
                </a:lnTo>
                <a:lnTo>
                  <a:pt x="0" y="454352"/>
                </a:lnTo>
                <a:lnTo>
                  <a:pt x="31538" y="466614"/>
                </a:lnTo>
                <a:lnTo>
                  <a:pt x="47192" y="466614"/>
                </a:lnTo>
                <a:lnTo>
                  <a:pt x="78856" y="454352"/>
                </a:lnTo>
                <a:lnTo>
                  <a:pt x="78856" y="168759"/>
                </a:lnTo>
                <a:lnTo>
                  <a:pt x="87051" y="156130"/>
                </a:lnTo>
                <a:lnTo>
                  <a:pt x="109462" y="124310"/>
                </a:lnTo>
                <a:lnTo>
                  <a:pt x="136037" y="95148"/>
                </a:lnTo>
                <a:lnTo>
                  <a:pt x="175586" y="74573"/>
                </a:lnTo>
                <a:lnTo>
                  <a:pt x="190245" y="74573"/>
                </a:lnTo>
                <a:lnTo>
                  <a:pt x="233835" y="86311"/>
                </a:lnTo>
                <a:lnTo>
                  <a:pt x="236935" y="87023"/>
                </a:lnTo>
                <a:lnTo>
                  <a:pt x="242086" y="87023"/>
                </a:lnTo>
                <a:lnTo>
                  <a:pt x="244076" y="86311"/>
                </a:lnTo>
                <a:lnTo>
                  <a:pt x="251468" y="49736"/>
                </a:lnTo>
                <a:lnTo>
                  <a:pt x="251468" y="42417"/>
                </a:lnTo>
                <a:lnTo>
                  <a:pt x="230359" y="6052"/>
                </a:lnTo>
                <a:lnTo>
                  <a:pt x="208182" y="1183"/>
                </a:lnTo>
                <a:lnTo>
                  <a:pt x="192978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3" name="bg object 33"/>
          <p:cNvSpPr/>
          <p:nvPr/>
        </p:nvSpPr>
        <p:spPr>
          <a:xfrm>
            <a:off x="6385276" y="4124080"/>
            <a:ext cx="138633" cy="286873"/>
          </a:xfrm>
          <a:custGeom>
            <a:avLst/>
            <a:gdLst/>
            <a:ahLst/>
            <a:cxnLst/>
            <a:rect l="l" t="t" r="r" b="b"/>
            <a:pathLst>
              <a:path w="304800" h="473075">
                <a:moveTo>
                  <a:pt x="167335" y="0"/>
                </a:moveTo>
                <a:lnTo>
                  <a:pt x="114042" y="5919"/>
                </a:lnTo>
                <a:lnTo>
                  <a:pt x="71758" y="22776"/>
                </a:lnTo>
                <a:lnTo>
                  <a:pt x="40522" y="47588"/>
                </a:lnTo>
                <a:lnTo>
                  <a:pt x="16018" y="90865"/>
                </a:lnTo>
                <a:lnTo>
                  <a:pt x="10491" y="127661"/>
                </a:lnTo>
                <a:lnTo>
                  <a:pt x="11073" y="141494"/>
                </a:lnTo>
                <a:lnTo>
                  <a:pt x="24870" y="186823"/>
                </a:lnTo>
                <a:lnTo>
                  <a:pt x="52345" y="219407"/>
                </a:lnTo>
                <a:lnTo>
                  <a:pt x="88844" y="242384"/>
                </a:lnTo>
                <a:lnTo>
                  <a:pt x="167580" y="275176"/>
                </a:lnTo>
                <a:lnTo>
                  <a:pt x="176420" y="279280"/>
                </a:lnTo>
                <a:lnTo>
                  <a:pt x="212246" y="304265"/>
                </a:lnTo>
                <a:lnTo>
                  <a:pt x="226631" y="340879"/>
                </a:lnTo>
                <a:lnTo>
                  <a:pt x="226224" y="349431"/>
                </a:lnTo>
                <a:lnTo>
                  <a:pt x="207381" y="388303"/>
                </a:lnTo>
                <a:lnTo>
                  <a:pt x="165161" y="407315"/>
                </a:lnTo>
                <a:lnTo>
                  <a:pt x="137220" y="409736"/>
                </a:lnTo>
                <a:lnTo>
                  <a:pt x="124204" y="409330"/>
                </a:lnTo>
                <a:lnTo>
                  <a:pt x="79962" y="399975"/>
                </a:lnTo>
                <a:lnTo>
                  <a:pt x="34355" y="378363"/>
                </a:lnTo>
                <a:lnTo>
                  <a:pt x="22041" y="370774"/>
                </a:lnTo>
                <a:lnTo>
                  <a:pt x="16889" y="368606"/>
                </a:lnTo>
                <a:lnTo>
                  <a:pt x="0" y="395087"/>
                </a:lnTo>
                <a:lnTo>
                  <a:pt x="0" y="411013"/>
                </a:lnTo>
                <a:lnTo>
                  <a:pt x="19119" y="444729"/>
                </a:lnTo>
                <a:lnTo>
                  <a:pt x="54762" y="460153"/>
                </a:lnTo>
                <a:lnTo>
                  <a:pt x="92018" y="469252"/>
                </a:lnTo>
                <a:lnTo>
                  <a:pt x="135786" y="472854"/>
                </a:lnTo>
                <a:lnTo>
                  <a:pt x="154035" y="472285"/>
                </a:lnTo>
                <a:lnTo>
                  <a:pt x="204150" y="463755"/>
                </a:lnTo>
                <a:lnTo>
                  <a:pt x="245910" y="445301"/>
                </a:lnTo>
                <a:lnTo>
                  <a:pt x="277581" y="417271"/>
                </a:lnTo>
                <a:lnTo>
                  <a:pt x="297669" y="380119"/>
                </a:lnTo>
                <a:lnTo>
                  <a:pt x="304556" y="334670"/>
                </a:lnTo>
                <a:lnTo>
                  <a:pt x="303973" y="321289"/>
                </a:lnTo>
                <a:lnTo>
                  <a:pt x="290198" y="277179"/>
                </a:lnTo>
                <a:lnTo>
                  <a:pt x="262663" y="245529"/>
                </a:lnTo>
                <a:lnTo>
                  <a:pt x="225504" y="223151"/>
                </a:lnTo>
                <a:lnTo>
                  <a:pt x="145835" y="190154"/>
                </a:lnTo>
                <a:lnTo>
                  <a:pt x="136853" y="185972"/>
                </a:lnTo>
                <a:lnTo>
                  <a:pt x="100767" y="160809"/>
                </a:lnTo>
                <a:lnTo>
                  <a:pt x="86060" y="123347"/>
                </a:lnTo>
                <a:lnTo>
                  <a:pt x="86060" y="114436"/>
                </a:lnTo>
                <a:lnTo>
                  <a:pt x="105860" y="78636"/>
                </a:lnTo>
                <a:lnTo>
                  <a:pt x="147494" y="62331"/>
                </a:lnTo>
                <a:lnTo>
                  <a:pt x="166403" y="61191"/>
                </a:lnTo>
                <a:lnTo>
                  <a:pt x="177311" y="61523"/>
                </a:lnTo>
                <a:lnTo>
                  <a:pt x="214730" y="69141"/>
                </a:lnTo>
                <a:lnTo>
                  <a:pt x="252275" y="85442"/>
                </a:lnTo>
                <a:lnTo>
                  <a:pt x="263080" y="92426"/>
                </a:lnTo>
                <a:lnTo>
                  <a:pt x="267237" y="94196"/>
                </a:lnTo>
                <a:lnTo>
                  <a:pt x="272023" y="94196"/>
                </a:lnTo>
                <a:lnTo>
                  <a:pt x="273750" y="93630"/>
                </a:lnTo>
                <a:lnTo>
                  <a:pt x="282567" y="68521"/>
                </a:lnTo>
                <a:lnTo>
                  <a:pt x="282567" y="58029"/>
                </a:lnTo>
                <a:lnTo>
                  <a:pt x="263018" y="22732"/>
                </a:lnTo>
                <a:lnTo>
                  <a:pt x="225690" y="7975"/>
                </a:lnTo>
                <a:lnTo>
                  <a:pt x="184557" y="718"/>
                </a:lnTo>
                <a:lnTo>
                  <a:pt x="175949" y="180"/>
                </a:lnTo>
                <a:lnTo>
                  <a:pt x="167335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4" name="bg object 34"/>
          <p:cNvSpPr/>
          <p:nvPr/>
        </p:nvSpPr>
        <p:spPr>
          <a:xfrm>
            <a:off x="6723064" y="4020573"/>
            <a:ext cx="44478" cy="386605"/>
          </a:xfrm>
          <a:custGeom>
            <a:avLst/>
            <a:gdLst/>
            <a:ahLst/>
            <a:cxnLst/>
            <a:rect l="l" t="t" r="r" b="b"/>
            <a:pathLst>
              <a:path w="97790" h="637540">
                <a:moveTo>
                  <a:pt x="56752" y="177397"/>
                </a:moveTo>
                <a:lnTo>
                  <a:pt x="41171" y="177397"/>
                </a:lnTo>
                <a:lnTo>
                  <a:pt x="34773" y="177701"/>
                </a:lnTo>
                <a:lnTo>
                  <a:pt x="9559" y="189973"/>
                </a:lnTo>
                <a:lnTo>
                  <a:pt x="9559" y="625038"/>
                </a:lnTo>
                <a:lnTo>
                  <a:pt x="41171" y="637299"/>
                </a:lnTo>
                <a:lnTo>
                  <a:pt x="56752" y="637299"/>
                </a:lnTo>
                <a:lnTo>
                  <a:pt x="88478" y="625038"/>
                </a:lnTo>
                <a:lnTo>
                  <a:pt x="88478" y="189973"/>
                </a:lnTo>
                <a:lnTo>
                  <a:pt x="87861" y="187889"/>
                </a:lnTo>
                <a:lnTo>
                  <a:pt x="86552" y="185994"/>
                </a:lnTo>
                <a:lnTo>
                  <a:pt x="85253" y="184067"/>
                </a:lnTo>
                <a:lnTo>
                  <a:pt x="83201" y="182486"/>
                </a:lnTo>
                <a:lnTo>
                  <a:pt x="77495" y="179942"/>
                </a:lnTo>
                <a:lnTo>
                  <a:pt x="73516" y="178978"/>
                </a:lnTo>
                <a:lnTo>
                  <a:pt x="63275" y="177701"/>
                </a:lnTo>
                <a:lnTo>
                  <a:pt x="56752" y="177397"/>
                </a:lnTo>
                <a:close/>
              </a:path>
              <a:path w="97790" h="637540">
                <a:moveTo>
                  <a:pt x="49244" y="0"/>
                </a:moveTo>
                <a:lnTo>
                  <a:pt x="10554" y="10062"/>
                </a:lnTo>
                <a:lnTo>
                  <a:pt x="0" y="47810"/>
                </a:lnTo>
                <a:lnTo>
                  <a:pt x="641" y="60341"/>
                </a:lnTo>
                <a:lnTo>
                  <a:pt x="24931" y="92213"/>
                </a:lnTo>
                <a:lnTo>
                  <a:pt x="48312" y="94656"/>
                </a:lnTo>
                <a:lnTo>
                  <a:pt x="61313" y="94033"/>
                </a:lnTo>
                <a:lnTo>
                  <a:pt x="94931" y="70161"/>
                </a:lnTo>
                <a:lnTo>
                  <a:pt x="97546" y="46846"/>
                </a:lnTo>
                <a:lnTo>
                  <a:pt x="96906" y="34317"/>
                </a:lnTo>
                <a:lnTo>
                  <a:pt x="72622" y="2459"/>
                </a:lnTo>
                <a:lnTo>
                  <a:pt x="49244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5" name="bg object 35"/>
          <p:cNvSpPr/>
          <p:nvPr/>
        </p:nvSpPr>
        <p:spPr>
          <a:xfrm>
            <a:off x="6955853" y="4058269"/>
            <a:ext cx="127947" cy="352334"/>
          </a:xfrm>
          <a:custGeom>
            <a:avLst/>
            <a:gdLst/>
            <a:ahLst/>
            <a:cxnLst/>
            <a:rect l="l" t="t" r="r" b="b"/>
            <a:pathLst>
              <a:path w="281305" h="581025">
                <a:moveTo>
                  <a:pt x="123189" y="0"/>
                </a:moveTo>
                <a:lnTo>
                  <a:pt x="107546" y="0"/>
                </a:lnTo>
                <a:lnTo>
                  <a:pt x="101211" y="335"/>
                </a:lnTo>
                <a:lnTo>
                  <a:pt x="75997" y="13057"/>
                </a:lnTo>
                <a:lnTo>
                  <a:pt x="75997" y="117619"/>
                </a:lnTo>
                <a:lnTo>
                  <a:pt x="13727" y="117619"/>
                </a:lnTo>
                <a:lnTo>
                  <a:pt x="0" y="144540"/>
                </a:lnTo>
                <a:lnTo>
                  <a:pt x="0" y="162078"/>
                </a:lnTo>
                <a:lnTo>
                  <a:pt x="1434" y="170371"/>
                </a:lnTo>
                <a:lnTo>
                  <a:pt x="7141" y="180549"/>
                </a:lnTo>
                <a:lnTo>
                  <a:pt x="10994" y="183104"/>
                </a:lnTo>
                <a:lnTo>
                  <a:pt x="75997" y="183104"/>
                </a:lnTo>
                <a:lnTo>
                  <a:pt x="75997" y="434594"/>
                </a:lnTo>
                <a:lnTo>
                  <a:pt x="79907" y="485017"/>
                </a:lnTo>
                <a:lnTo>
                  <a:pt x="91973" y="524478"/>
                </a:lnTo>
                <a:lnTo>
                  <a:pt x="122631" y="560454"/>
                </a:lnTo>
                <a:lnTo>
                  <a:pt x="170672" y="578208"/>
                </a:lnTo>
                <a:lnTo>
                  <a:pt x="201742" y="580422"/>
                </a:lnTo>
                <a:lnTo>
                  <a:pt x="209061" y="580422"/>
                </a:lnTo>
                <a:lnTo>
                  <a:pt x="251102" y="573961"/>
                </a:lnTo>
                <a:lnTo>
                  <a:pt x="280473" y="545365"/>
                </a:lnTo>
                <a:lnTo>
                  <a:pt x="281090" y="538015"/>
                </a:lnTo>
                <a:lnTo>
                  <a:pt x="281090" y="528790"/>
                </a:lnTo>
                <a:lnTo>
                  <a:pt x="281090" y="523052"/>
                </a:lnTo>
                <a:lnTo>
                  <a:pt x="271709" y="499607"/>
                </a:lnTo>
                <a:lnTo>
                  <a:pt x="267552" y="499607"/>
                </a:lnTo>
                <a:lnTo>
                  <a:pt x="264693" y="500319"/>
                </a:lnTo>
                <a:lnTo>
                  <a:pt x="254515" y="504728"/>
                </a:lnTo>
                <a:lnTo>
                  <a:pt x="245573" y="507890"/>
                </a:lnTo>
                <a:lnTo>
                  <a:pt x="240474" y="509419"/>
                </a:lnTo>
                <a:lnTo>
                  <a:pt x="228998" y="512267"/>
                </a:lnTo>
                <a:lnTo>
                  <a:pt x="222474" y="512989"/>
                </a:lnTo>
                <a:lnTo>
                  <a:pt x="215145" y="512989"/>
                </a:lnTo>
                <a:lnTo>
                  <a:pt x="175921" y="500227"/>
                </a:lnTo>
                <a:lnTo>
                  <a:pt x="158194" y="462136"/>
                </a:lnTo>
                <a:lnTo>
                  <a:pt x="154927" y="423107"/>
                </a:lnTo>
                <a:lnTo>
                  <a:pt x="154927" y="183104"/>
                </a:lnTo>
                <a:lnTo>
                  <a:pt x="270096" y="183104"/>
                </a:lnTo>
                <a:lnTo>
                  <a:pt x="273949" y="180549"/>
                </a:lnTo>
                <a:lnTo>
                  <a:pt x="279666" y="170371"/>
                </a:lnTo>
                <a:lnTo>
                  <a:pt x="281090" y="162078"/>
                </a:lnTo>
                <a:lnTo>
                  <a:pt x="281090" y="144540"/>
                </a:lnTo>
                <a:lnTo>
                  <a:pt x="267866" y="117619"/>
                </a:lnTo>
                <a:lnTo>
                  <a:pt x="154927" y="117619"/>
                </a:lnTo>
                <a:lnTo>
                  <a:pt x="154927" y="13057"/>
                </a:lnTo>
                <a:lnTo>
                  <a:pt x="129713" y="335"/>
                </a:lnTo>
                <a:lnTo>
                  <a:pt x="123189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6" name="bg object 36"/>
          <p:cNvSpPr/>
          <p:nvPr/>
        </p:nvSpPr>
        <p:spPr>
          <a:xfrm>
            <a:off x="7257554" y="4128149"/>
            <a:ext cx="186576" cy="382754"/>
          </a:xfrm>
          <a:custGeom>
            <a:avLst/>
            <a:gdLst/>
            <a:ahLst/>
            <a:cxnLst/>
            <a:rect l="l" t="t" r="r" b="b"/>
            <a:pathLst>
              <a:path w="410209" h="631190">
                <a:moveTo>
                  <a:pt x="380365" y="0"/>
                </a:moveTo>
                <a:lnTo>
                  <a:pt x="361245" y="0"/>
                </a:lnTo>
                <a:lnTo>
                  <a:pt x="353423" y="397"/>
                </a:lnTo>
                <a:lnTo>
                  <a:pt x="328890" y="16732"/>
                </a:lnTo>
                <a:lnTo>
                  <a:pt x="210360" y="363810"/>
                </a:lnTo>
                <a:lnTo>
                  <a:pt x="208873" y="363810"/>
                </a:lnTo>
                <a:lnTo>
                  <a:pt x="86060" y="18627"/>
                </a:lnTo>
                <a:lnTo>
                  <a:pt x="84447" y="14491"/>
                </a:lnTo>
                <a:lnTo>
                  <a:pt x="48741" y="0"/>
                </a:lnTo>
                <a:lnTo>
                  <a:pt x="29622" y="0"/>
                </a:lnTo>
                <a:lnTo>
                  <a:pt x="0" y="10983"/>
                </a:lnTo>
                <a:lnTo>
                  <a:pt x="0" y="18627"/>
                </a:lnTo>
                <a:lnTo>
                  <a:pt x="1235" y="23894"/>
                </a:lnTo>
                <a:lnTo>
                  <a:pt x="157272" y="441745"/>
                </a:lnTo>
                <a:lnTo>
                  <a:pt x="158215" y="444939"/>
                </a:lnTo>
                <a:lnTo>
                  <a:pt x="159942" y="447944"/>
                </a:lnTo>
                <a:lnTo>
                  <a:pt x="165094" y="453692"/>
                </a:lnTo>
                <a:lnTo>
                  <a:pt x="167764" y="455776"/>
                </a:lnTo>
                <a:lnTo>
                  <a:pt x="170623" y="457043"/>
                </a:lnTo>
                <a:lnTo>
                  <a:pt x="111389" y="606683"/>
                </a:lnTo>
                <a:lnTo>
                  <a:pt x="109462" y="611154"/>
                </a:lnTo>
                <a:lnTo>
                  <a:pt x="108656" y="614976"/>
                </a:lnTo>
                <a:lnTo>
                  <a:pt x="109284" y="621342"/>
                </a:lnTo>
                <a:lnTo>
                  <a:pt x="137032" y="631080"/>
                </a:lnTo>
                <a:lnTo>
                  <a:pt x="145294" y="631080"/>
                </a:lnTo>
                <a:lnTo>
                  <a:pt x="188748" y="624284"/>
                </a:lnTo>
                <a:lnTo>
                  <a:pt x="252892" y="457043"/>
                </a:lnTo>
                <a:lnTo>
                  <a:pt x="407317" y="29150"/>
                </a:lnTo>
                <a:lnTo>
                  <a:pt x="410175" y="18627"/>
                </a:lnTo>
                <a:lnTo>
                  <a:pt x="410175" y="10983"/>
                </a:lnTo>
                <a:lnTo>
                  <a:pt x="408804" y="7936"/>
                </a:lnTo>
                <a:lnTo>
                  <a:pt x="403401" y="3497"/>
                </a:lnTo>
                <a:lnTo>
                  <a:pt x="399181" y="1978"/>
                </a:lnTo>
                <a:lnTo>
                  <a:pt x="387695" y="397"/>
                </a:lnTo>
                <a:lnTo>
                  <a:pt x="380365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7" name="bg object 37"/>
          <p:cNvSpPr/>
          <p:nvPr/>
        </p:nvSpPr>
        <p:spPr>
          <a:xfrm>
            <a:off x="1" y="1743660"/>
            <a:ext cx="3833202" cy="5114043"/>
          </a:xfrm>
          <a:custGeom>
            <a:avLst/>
            <a:gdLst/>
            <a:ahLst/>
            <a:cxnLst/>
            <a:rect l="l" t="t" r="r" b="b"/>
            <a:pathLst>
              <a:path w="8427720" h="8433435">
                <a:moveTo>
                  <a:pt x="0" y="0"/>
                </a:moveTo>
                <a:lnTo>
                  <a:pt x="0" y="8433135"/>
                </a:lnTo>
                <a:lnTo>
                  <a:pt x="8427314" y="8427314"/>
                </a:lnTo>
                <a:lnTo>
                  <a:pt x="0" y="0"/>
                </a:lnTo>
                <a:close/>
              </a:path>
            </a:pathLst>
          </a:custGeom>
          <a:solidFill>
            <a:srgbClr val="0000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8" name="bg object 38"/>
          <p:cNvSpPr/>
          <p:nvPr/>
        </p:nvSpPr>
        <p:spPr>
          <a:xfrm>
            <a:off x="0" y="0"/>
            <a:ext cx="4959595" cy="4177951"/>
          </a:xfrm>
          <a:custGeom>
            <a:avLst/>
            <a:gdLst/>
            <a:ahLst/>
            <a:cxnLst/>
            <a:rect l="l" t="t" r="r" b="b"/>
            <a:pathLst>
              <a:path w="10904220" h="6889750">
                <a:moveTo>
                  <a:pt x="10903688" y="0"/>
                </a:moveTo>
                <a:lnTo>
                  <a:pt x="0" y="0"/>
                </a:lnTo>
                <a:lnTo>
                  <a:pt x="0" y="2875420"/>
                </a:lnTo>
                <a:lnTo>
                  <a:pt x="4014129" y="6889559"/>
                </a:lnTo>
                <a:lnTo>
                  <a:pt x="10903688" y="0"/>
                </a:lnTo>
                <a:close/>
              </a:path>
            </a:pathLst>
          </a:custGeom>
          <a:solidFill>
            <a:srgbClr val="F1A9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9" name="bg object 39"/>
          <p:cNvSpPr/>
          <p:nvPr/>
        </p:nvSpPr>
        <p:spPr>
          <a:xfrm>
            <a:off x="7106090" y="4136968"/>
            <a:ext cx="2038194" cy="2720866"/>
          </a:xfrm>
          <a:custGeom>
            <a:avLst/>
            <a:gdLst/>
            <a:ahLst/>
            <a:cxnLst/>
            <a:rect l="l" t="t" r="r" b="b"/>
            <a:pathLst>
              <a:path w="4481194" h="4486909">
                <a:moveTo>
                  <a:pt x="4480571" y="0"/>
                </a:moveTo>
                <a:lnTo>
                  <a:pt x="0" y="4480571"/>
                </a:lnTo>
                <a:lnTo>
                  <a:pt x="4480571" y="4486334"/>
                </a:lnTo>
                <a:lnTo>
                  <a:pt x="4480571" y="0"/>
                </a:lnTo>
                <a:close/>
              </a:path>
            </a:pathLst>
          </a:custGeom>
          <a:solidFill>
            <a:srgbClr val="EBEBEB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375223" y="283137"/>
            <a:ext cx="8393553" cy="276999"/>
          </a:xfrm>
        </p:spPr>
        <p:txBody>
          <a:bodyPr lIns="0" tIns="0" rIns="0" bIns="0"/>
          <a:lstStyle>
            <a:lvl1pPr>
              <a:defRPr sz="1800" b="0" i="0">
                <a:solidFill>
                  <a:schemeClr val="tx1"/>
                </a:solidFill>
                <a:latin typeface="Roboto Medium"/>
                <a:cs typeface="Roboto Medium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13/2023</a:t>
            </a:fld>
            <a:endParaRPr lang="en-US"/>
          </a:p>
        </p:txBody>
      </p:sp>
      <p:sp>
        <p:nvSpPr>
          <p:cNvPr id="5" name="Holder 5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>
              <a:defRPr sz="1200" b="0" i="0">
                <a:solidFill>
                  <a:schemeClr val="tx1"/>
                </a:solidFill>
                <a:latin typeface="Roboto"/>
                <a:cs typeface="Roboto"/>
              </a:defRPr>
            </a:lvl1pPr>
          </a:lstStyle>
          <a:p>
            <a:pPr marL="19404">
              <a:lnSpc>
                <a:spcPts val="1390"/>
              </a:lnSpc>
            </a:pPr>
            <a:fld id="{81D60167-4931-47E6-BA6A-407CBD079E47}" type="slidenum">
              <a:rPr lang="ru-RU" spc="10" smtClean="0"/>
              <a:pPr marL="19404">
                <a:lnSpc>
                  <a:spcPts val="1390"/>
                </a:lnSpc>
              </a:pPr>
              <a:t>‹#›</a:t>
            </a:fld>
            <a:endParaRPr lang="ru-RU" spc="10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13/2023</a:t>
            </a:fld>
            <a:endParaRPr lang="en-US"/>
          </a:p>
        </p:txBody>
      </p:sp>
      <p:sp>
        <p:nvSpPr>
          <p:cNvPr id="4" name="Holder 4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>
              <a:defRPr sz="1200" b="0" i="0">
                <a:solidFill>
                  <a:schemeClr val="tx1"/>
                </a:solidFill>
                <a:latin typeface="Roboto"/>
                <a:cs typeface="Roboto"/>
              </a:defRPr>
            </a:lvl1pPr>
          </a:lstStyle>
          <a:p>
            <a:pPr marL="19404">
              <a:lnSpc>
                <a:spcPts val="1390"/>
              </a:lnSpc>
            </a:pPr>
            <a:fld id="{81D60167-4931-47E6-BA6A-407CBD079E47}" type="slidenum">
              <a:rPr lang="ru-RU" spc="10" smtClean="0"/>
              <a:pPr marL="19404">
                <a:lnSpc>
                  <a:spcPts val="1390"/>
                </a:lnSpc>
              </a:pPr>
              <a:t>‹#›</a:t>
            </a:fld>
            <a:endParaRPr lang="ru-RU" spc="10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0" y="6349554"/>
            <a:ext cx="9144000" cy="508285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rgbClr val="EBEBEB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bg object 17"/>
          <p:cNvSpPr/>
          <p:nvPr/>
        </p:nvSpPr>
        <p:spPr>
          <a:xfrm>
            <a:off x="8158160" y="5543167"/>
            <a:ext cx="986027" cy="1314610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F1A900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375223" y="283137"/>
            <a:ext cx="8393553" cy="53860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3500" b="0" i="0">
                <a:solidFill>
                  <a:schemeClr val="tx1"/>
                </a:solidFill>
                <a:latin typeface="Roboto Medium"/>
                <a:cs typeface="Roboto Medium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>
          <a:xfrm>
            <a:off x="893895" y="1703798"/>
            <a:ext cx="7357656" cy="27699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b="0" i="0">
                <a:solidFill>
                  <a:schemeClr val="tx1"/>
                </a:solidFill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>
          <a:xfrm>
            <a:off x="3108960" y="6377940"/>
            <a:ext cx="2926080" cy="27699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>
          <a:xfrm>
            <a:off x="457200" y="6377940"/>
            <a:ext cx="2103120" cy="27699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pPr/>
              <a:t>11/13/2023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>
          <a:xfrm>
            <a:off x="8812738" y="6495593"/>
            <a:ext cx="116394" cy="538609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1200" b="0" i="0">
                <a:solidFill>
                  <a:schemeClr val="tx1"/>
                </a:solidFill>
                <a:latin typeface="Roboto"/>
                <a:cs typeface="Roboto"/>
              </a:defRPr>
            </a:lvl1pPr>
          </a:lstStyle>
          <a:p>
            <a:pPr marL="19404">
              <a:lnSpc>
                <a:spcPts val="1390"/>
              </a:lnSpc>
            </a:pPr>
            <a:fld id="{81D60167-4931-47E6-BA6A-407CBD079E47}" type="slidenum">
              <a:rPr lang="ru-RU" spc="10" smtClean="0"/>
              <a:pPr marL="19404">
                <a:lnSpc>
                  <a:spcPts val="1390"/>
                </a:lnSpc>
              </a:pPr>
              <a:t>‹#›</a:t>
            </a:fld>
            <a:endParaRPr lang="ru-RU" spc="10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</p:sldLayoutIdLst>
  <p:timing>
    <p:tnLst>
      <p:par>
        <p:cTn id="1" dur="indefinite" restart="never" nodeType="tmRoot"/>
      </p:par>
    </p:tnLst>
  </p:timing>
  <p:txStyles>
    <p:titleStyle>
      <a:lvl1pPr>
        <a:defRPr>
          <a:latin typeface="+mj-lt"/>
          <a:ea typeface="+mj-ea"/>
          <a:cs typeface="+mj-cs"/>
        </a:defRPr>
      </a:lvl1pPr>
    </p:titleStyle>
    <p:bodyStyle>
      <a:lvl1pPr marL="0">
        <a:defRPr>
          <a:latin typeface="+mn-lt"/>
          <a:ea typeface="+mn-ea"/>
          <a:cs typeface="+mn-cs"/>
        </a:defRPr>
      </a:lvl1pPr>
      <a:lvl2pPr marL="232852">
        <a:defRPr>
          <a:latin typeface="+mn-lt"/>
          <a:ea typeface="+mn-ea"/>
          <a:cs typeface="+mn-cs"/>
        </a:defRPr>
      </a:lvl2pPr>
      <a:lvl3pPr marL="465704">
        <a:defRPr>
          <a:latin typeface="+mn-lt"/>
          <a:ea typeface="+mn-ea"/>
          <a:cs typeface="+mn-cs"/>
        </a:defRPr>
      </a:lvl3pPr>
      <a:lvl4pPr marL="698556">
        <a:defRPr>
          <a:latin typeface="+mn-lt"/>
          <a:ea typeface="+mn-ea"/>
          <a:cs typeface="+mn-cs"/>
        </a:defRPr>
      </a:lvl4pPr>
      <a:lvl5pPr marL="931408">
        <a:defRPr>
          <a:latin typeface="+mn-lt"/>
          <a:ea typeface="+mn-ea"/>
          <a:cs typeface="+mn-cs"/>
        </a:defRPr>
      </a:lvl5pPr>
      <a:lvl6pPr marL="1164260">
        <a:defRPr>
          <a:latin typeface="+mn-lt"/>
          <a:ea typeface="+mn-ea"/>
          <a:cs typeface="+mn-cs"/>
        </a:defRPr>
      </a:lvl6pPr>
      <a:lvl7pPr marL="1397112">
        <a:defRPr>
          <a:latin typeface="+mn-lt"/>
          <a:ea typeface="+mn-ea"/>
          <a:cs typeface="+mn-cs"/>
        </a:defRPr>
      </a:lvl7pPr>
      <a:lvl8pPr marL="1629964">
        <a:defRPr>
          <a:latin typeface="+mn-lt"/>
          <a:ea typeface="+mn-ea"/>
          <a:cs typeface="+mn-cs"/>
        </a:defRPr>
      </a:lvl8pPr>
      <a:lvl9pPr marL="1862816">
        <a:defRPr>
          <a:latin typeface="+mn-lt"/>
          <a:ea typeface="+mn-ea"/>
          <a:cs typeface="+mn-cs"/>
        </a:defRPr>
      </a:lvl9pPr>
    </p:bodyStyle>
    <p:otherStyle>
      <a:lvl1pPr marL="0">
        <a:defRPr>
          <a:latin typeface="+mn-lt"/>
          <a:ea typeface="+mn-ea"/>
          <a:cs typeface="+mn-cs"/>
        </a:defRPr>
      </a:lvl1pPr>
      <a:lvl2pPr marL="232852">
        <a:defRPr>
          <a:latin typeface="+mn-lt"/>
          <a:ea typeface="+mn-ea"/>
          <a:cs typeface="+mn-cs"/>
        </a:defRPr>
      </a:lvl2pPr>
      <a:lvl3pPr marL="465704">
        <a:defRPr>
          <a:latin typeface="+mn-lt"/>
          <a:ea typeface="+mn-ea"/>
          <a:cs typeface="+mn-cs"/>
        </a:defRPr>
      </a:lvl3pPr>
      <a:lvl4pPr marL="698556">
        <a:defRPr>
          <a:latin typeface="+mn-lt"/>
          <a:ea typeface="+mn-ea"/>
          <a:cs typeface="+mn-cs"/>
        </a:defRPr>
      </a:lvl4pPr>
      <a:lvl5pPr marL="931408">
        <a:defRPr>
          <a:latin typeface="+mn-lt"/>
          <a:ea typeface="+mn-ea"/>
          <a:cs typeface="+mn-cs"/>
        </a:defRPr>
      </a:lvl5pPr>
      <a:lvl6pPr marL="1164260">
        <a:defRPr>
          <a:latin typeface="+mn-lt"/>
          <a:ea typeface="+mn-ea"/>
          <a:cs typeface="+mn-cs"/>
        </a:defRPr>
      </a:lvl6pPr>
      <a:lvl7pPr marL="1397112">
        <a:defRPr>
          <a:latin typeface="+mn-lt"/>
          <a:ea typeface="+mn-ea"/>
          <a:cs typeface="+mn-cs"/>
        </a:defRPr>
      </a:lvl7pPr>
      <a:lvl8pPr marL="1629964">
        <a:defRPr>
          <a:latin typeface="+mn-lt"/>
          <a:ea typeface="+mn-ea"/>
          <a:cs typeface="+mn-cs"/>
        </a:defRPr>
      </a:lvl8pPr>
      <a:lvl9pPr marL="1862816">
        <a:defRPr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5" Type="http://schemas.microsoft.com/office/2007/relationships/hdphoto" Target="../media/hdphoto1.wdp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5.xml"/><Relationship Id="rId6" Type="http://schemas.openxmlformats.org/officeDocument/2006/relationships/image" Target="../media/image12.gif"/><Relationship Id="rId5" Type="http://schemas.openxmlformats.org/officeDocument/2006/relationships/image" Target="../media/image11.png"/><Relationship Id="rId4" Type="http://schemas.openxmlformats.org/officeDocument/2006/relationships/image" Target="../media/image10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6.xml"/><Relationship Id="rId4" Type="http://schemas.openxmlformats.org/officeDocument/2006/relationships/image" Target="../media/image13.jpe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7.xml"/><Relationship Id="rId4" Type="http://schemas.openxmlformats.org/officeDocument/2006/relationships/image" Target="../media/image14.jpe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9.jpeg"/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18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8.xml"/><Relationship Id="rId6" Type="http://schemas.openxmlformats.org/officeDocument/2006/relationships/image" Target="../media/image17.png"/><Relationship Id="rId5" Type="http://schemas.openxmlformats.org/officeDocument/2006/relationships/image" Target="../media/image16.png"/><Relationship Id="rId4" Type="http://schemas.openxmlformats.org/officeDocument/2006/relationships/image" Target="../media/image15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9.xml"/><Relationship Id="rId6" Type="http://schemas.openxmlformats.org/officeDocument/2006/relationships/image" Target="../media/image22.jpeg"/><Relationship Id="rId5" Type="http://schemas.openxmlformats.org/officeDocument/2006/relationships/image" Target="../media/image21.jpeg"/><Relationship Id="rId4" Type="http://schemas.openxmlformats.org/officeDocument/2006/relationships/image" Target="../media/image20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4" Type="http://schemas.openxmlformats.org/officeDocument/2006/relationships/image" Target="../media/image3.jpe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2.xml"/><Relationship Id="rId5" Type="http://schemas.openxmlformats.org/officeDocument/2006/relationships/image" Target="../media/image24.jpeg"/><Relationship Id="rId4" Type="http://schemas.openxmlformats.org/officeDocument/2006/relationships/image" Target="../media/image23.jpe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4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5.xml"/><Relationship Id="rId4" Type="http://schemas.openxmlformats.org/officeDocument/2006/relationships/image" Target="../media/image25.jpe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6.xml"/><Relationship Id="rId5" Type="http://schemas.openxmlformats.org/officeDocument/2006/relationships/image" Target="../media/image27.jpeg"/><Relationship Id="rId4" Type="http://schemas.openxmlformats.org/officeDocument/2006/relationships/image" Target="../media/image26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7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8.xml"/><Relationship Id="rId4" Type="http://schemas.openxmlformats.org/officeDocument/2006/relationships/image" Target="../media/image28.jpe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9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0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4" Type="http://schemas.openxmlformats.org/officeDocument/2006/relationships/image" Target="../media/image4.gif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1.xml"/><Relationship Id="rId5" Type="http://schemas.openxmlformats.org/officeDocument/2006/relationships/hyperlink" Target="https://docs.cntd.ru/document/565911035" TargetMode="External"/><Relationship Id="rId4" Type="http://schemas.openxmlformats.org/officeDocument/2006/relationships/hyperlink" Target="https://docs.cntd.ru/document/565649076" TargetMode="Externa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2.xml"/><Relationship Id="rId4" Type="http://schemas.openxmlformats.org/officeDocument/2006/relationships/hyperlink" Target="https://docs.cntd.ru/document/565649076" TargetMode="Externa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3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4.xml"/><Relationship Id="rId4" Type="http://schemas.openxmlformats.org/officeDocument/2006/relationships/image" Target="../media/image29.jpe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5.xml"/><Relationship Id="rId4" Type="http://schemas.openxmlformats.org/officeDocument/2006/relationships/image" Target="../media/image30.jpe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6.xml"/><Relationship Id="rId4" Type="http://schemas.openxmlformats.org/officeDocument/2006/relationships/image" Target="../media/image31.jpe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7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8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9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0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1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2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3.xml"/></Relationships>
</file>

<file path=ppt/slides/_rels/slide43.xml.rels><?xml version="1.0" encoding="UTF-8" standalone="yes"?>
<Relationships xmlns="http://schemas.openxmlformats.org/package/2006/relationships"><Relationship Id="rId8" Type="http://schemas.openxmlformats.org/officeDocument/2006/relationships/image" Target="../media/image35.png"/><Relationship Id="rId13" Type="http://schemas.openxmlformats.org/officeDocument/2006/relationships/image" Target="../media/image36.png"/><Relationship Id="rId3" Type="http://schemas.openxmlformats.org/officeDocument/2006/relationships/notesSlide" Target="../notesSlides/notesSlide43.xml"/><Relationship Id="rId7" Type="http://schemas.openxmlformats.org/officeDocument/2006/relationships/image" Target="../media/image34.png"/><Relationship Id="rId12" Type="http://schemas.openxmlformats.org/officeDocument/2006/relationships/hyperlink" Target="https://t.me/umcgochs_48" TargetMode="Externa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4.xml"/><Relationship Id="rId6" Type="http://schemas.openxmlformats.org/officeDocument/2006/relationships/image" Target="../media/image33.png"/><Relationship Id="rId11" Type="http://schemas.openxmlformats.org/officeDocument/2006/relationships/hyperlink" Target="hhttps://vk.com/public216650428" TargetMode="External"/><Relationship Id="rId5" Type="http://schemas.openxmlformats.org/officeDocument/2006/relationships/hyperlink" Target="http://www.umcgochs48.ru/" TargetMode="External"/><Relationship Id="rId10" Type="http://schemas.openxmlformats.org/officeDocument/2006/relationships/hyperlink" Target="https://ok.ru/group/70000001027314" TargetMode="External"/><Relationship Id="rId4" Type="http://schemas.openxmlformats.org/officeDocument/2006/relationships/image" Target="../media/image32.png"/><Relationship Id="rId9" Type="http://schemas.microsoft.com/office/2007/relationships/hdphoto" Target="../media/hdphoto2.wdp"/><Relationship Id="rId14" Type="http://schemas.microsoft.com/office/2007/relationships/hdphoto" Target="../media/hdphoto1.wdp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6.xml"/><Relationship Id="rId4" Type="http://schemas.openxmlformats.org/officeDocument/2006/relationships/image" Target="../media/image5.jpe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7.xml"/><Relationship Id="rId4" Type="http://schemas.openxmlformats.org/officeDocument/2006/relationships/image" Target="../media/image6.jpe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8.xml"/><Relationship Id="rId5" Type="http://schemas.openxmlformats.org/officeDocument/2006/relationships/image" Target="../media/image8.jpeg"/><Relationship Id="rId4" Type="http://schemas.openxmlformats.org/officeDocument/2006/relationships/image" Target="../media/image7.jpe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0.xml"/><Relationship Id="rId4" Type="http://schemas.openxmlformats.org/officeDocument/2006/relationships/image" Target="../media/image9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Text Box 11"/>
          <p:cNvSpPr txBox="1">
            <a:spLocks noChangeArrowheads="1"/>
          </p:cNvSpPr>
          <p:nvPr/>
        </p:nvSpPr>
        <p:spPr bwMode="auto">
          <a:xfrm>
            <a:off x="381000" y="601569"/>
            <a:ext cx="8382000" cy="8620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eaLnBrk="0" hangingPunct="0">
              <a:defRPr/>
            </a:pPr>
            <a:r>
              <a:rPr lang="ru-RU" sz="2500" b="1" dirty="0">
                <a:solidFill>
                  <a:srgbClr val="C00000"/>
                </a:solidFill>
                <a:latin typeface="Times New Roman" pitchFamily="18" charset="0"/>
              </a:rPr>
              <a:t>УПРАВЛЕНИЕ АДМИНИСТРАТИВНЫХ ОРГАНОВ ЛИПЕЦКОЙ ОБЛАСТИ</a:t>
            </a:r>
          </a:p>
        </p:txBody>
      </p:sp>
      <p:sp>
        <p:nvSpPr>
          <p:cNvPr id="20" name="Прямоугольник 19"/>
          <p:cNvSpPr/>
          <p:nvPr/>
        </p:nvSpPr>
        <p:spPr>
          <a:xfrm>
            <a:off x="312738" y="338978"/>
            <a:ext cx="8518525" cy="6243638"/>
          </a:xfrm>
          <a:prstGeom prst="rect">
            <a:avLst/>
          </a:prstGeom>
          <a:noFill/>
          <a:ln w="76200" cap="sq" cmpd="sng">
            <a:solidFill>
              <a:srgbClr val="CC0000"/>
            </a:solidFill>
            <a:miter lim="800000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>
              <a:defRPr/>
            </a:pPr>
            <a:endParaRPr lang="ru-RU" sz="2400">
              <a:solidFill>
                <a:srgbClr val="C00000"/>
              </a:solidFill>
            </a:endParaRPr>
          </a:p>
        </p:txBody>
      </p:sp>
      <p:sp>
        <p:nvSpPr>
          <p:cNvPr id="21" name="Rectangle 10"/>
          <p:cNvSpPr>
            <a:spLocks noChangeArrowheads="1"/>
          </p:cNvSpPr>
          <p:nvPr/>
        </p:nvSpPr>
        <p:spPr bwMode="auto">
          <a:xfrm>
            <a:off x="0" y="-13447"/>
            <a:ext cx="9144000" cy="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endParaRPr lang="ru-RU">
              <a:solidFill>
                <a:srgbClr val="000000"/>
              </a:solidFill>
              <a:latin typeface="Times New Roman" pitchFamily="18" charset="0"/>
            </a:endParaRPr>
          </a:p>
        </p:txBody>
      </p:sp>
      <p:sp>
        <p:nvSpPr>
          <p:cNvPr id="22" name="Text Box 11"/>
          <p:cNvSpPr txBox="1">
            <a:spLocks noChangeArrowheads="1"/>
          </p:cNvSpPr>
          <p:nvPr/>
        </p:nvSpPr>
        <p:spPr bwMode="auto">
          <a:xfrm>
            <a:off x="762000" y="5895228"/>
            <a:ext cx="7564438" cy="4921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>
            <a:spAutoFit/>
          </a:bodyPr>
          <a:lstStyle/>
          <a:p>
            <a:pPr algn="ctr" eaLnBrk="0" hangingPunct="0"/>
            <a:r>
              <a:rPr lang="ru-RU" sz="2600" b="1" dirty="0">
                <a:solidFill>
                  <a:srgbClr val="C00000"/>
                </a:solidFill>
                <a:latin typeface="Times New Roman" pitchFamily="18" charset="0"/>
              </a:rPr>
              <a:t>Мы рады приветствовать Вас на нашем занятии</a:t>
            </a:r>
          </a:p>
        </p:txBody>
      </p:sp>
      <p:sp>
        <p:nvSpPr>
          <p:cNvPr id="23" name="Rectangle 13"/>
          <p:cNvSpPr>
            <a:spLocks noChangeArrowheads="1"/>
          </p:cNvSpPr>
          <p:nvPr/>
        </p:nvSpPr>
        <p:spPr bwMode="auto">
          <a:xfrm>
            <a:off x="0" y="-13447"/>
            <a:ext cx="9144000" cy="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wrap="none" anchor="ctr">
            <a:spAutoFit/>
          </a:bodyPr>
          <a:lstStyle/>
          <a:p>
            <a:pPr algn="ctr"/>
            <a:endParaRPr lang="ru-RU">
              <a:latin typeface="Times New Roman" pitchFamily="18" charset="0"/>
            </a:endParaRPr>
          </a:p>
        </p:txBody>
      </p:sp>
      <p:pic>
        <p:nvPicPr>
          <p:cNvPr id="24" name="Picture 2" descr="C:\Users\днс\Desktop\эмб.УМЦ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colorTemperature colorTemp="4650"/>
                    </a14:imgEffect>
                    <a14:imgEffect>
                      <a14:saturation sat="130000"/>
                    </a14:imgEffect>
                    <a14:imgEffect>
                      <a14:brightnessContrast contrast="20000"/>
                    </a14:imgEffect>
                  </a14:imgLayer>
                </a14:imgProps>
              </a:ext>
            </a:extLst>
          </a:blip>
          <a:srcRect/>
          <a:stretch>
            <a:fillRect/>
          </a:stretch>
        </p:blipFill>
        <p:spPr bwMode="auto">
          <a:xfrm>
            <a:off x="2411413" y="1570691"/>
            <a:ext cx="4321175" cy="41767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22570468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/>
    </mc:Choice>
    <mc:Fallback xmlns="">
      <p:transition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10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111617" name="Rectangle 1"/>
          <p:cNvSpPr>
            <a:spLocks noChangeArrowheads="1"/>
          </p:cNvSpPr>
          <p:nvPr/>
        </p:nvSpPr>
        <p:spPr bwMode="auto">
          <a:xfrm>
            <a:off x="214282" y="500042"/>
            <a:ext cx="8715436" cy="646330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Региональная система оповещения должна соответствовать требованиям, изложенным в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00206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риложении № 1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к «Положению о системах оповещения населения», утвержденному </a:t>
            </a:r>
            <a:r>
              <a:rPr kumimoji="0" lang="ru-RU" b="1" u="none" strike="noStrike" cap="none" normalizeH="0" baseline="0" dirty="0" smtClean="0">
                <a:ln>
                  <a:noFill/>
                </a:ln>
                <a:solidFill>
                  <a:srgbClr val="00206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риказом МЧС и Министерства цифрового развития, связи и массовых коммуникаций Российской Федерации от 31 июля 2020 года № 578/365.</a:t>
            </a:r>
          </a:p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lang="ru-RU" b="1" dirty="0">
              <a:solidFill>
                <a:schemeClr val="tx1"/>
              </a:solidFill>
              <a:latin typeface="Arial" pitchFamily="34" charset="0"/>
              <a:ea typeface="Times New Roman" pitchFamily="18" charset="0"/>
              <a:cs typeface="Arial" pitchFamily="34" charset="0"/>
            </a:endParaRPr>
          </a:p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На Региональную систему оповещения оформляется паспорт по форме, определенной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00206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риложением № 2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к «Положению о системах оповещения населения», утвержденному 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00206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риказом МЧС и Министерства цифрового развития, связи и массовых коммуникаций Российской Федерации от 31 июля 2020 года № 578/365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, который уточняется по результатам комплексной проверки.</a:t>
            </a:r>
          </a:p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lang="ru-RU" b="1" dirty="0">
              <a:solidFill>
                <a:schemeClr val="tx1"/>
              </a:solidFill>
              <a:latin typeface="Arial" pitchFamily="34" charset="0"/>
              <a:ea typeface="Times New Roman" pitchFamily="18" charset="0"/>
              <a:cs typeface="Arial" pitchFamily="34" charset="0"/>
            </a:endParaRPr>
          </a:p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Оформление и уточнение паспорта Региональной системы оповещения осуществляет ОКУ «Управление ГПСС Липецкой области»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/>
            </a:r>
            <a:b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</a:b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Региональная система оповещения населения предназначена для доведения сигналов оповещения и экстренной информации до населения, органов управления и сил ГО Липецкой области и Липецкой территориальной подсистемы  РСЧС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/>
            </a:r>
            <a:b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</a:b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/>
            </a:r>
            <a:b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</a:b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6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2000" fill="hold"/>
                                        <p:tgtEl>
                                          <p:spTgt spid="1116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2000" fill="hold"/>
                                        <p:tgtEl>
                                          <p:spTgt spid="1116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2000"/>
                            </p:stCondLst>
                            <p:childTnLst>
                              <p:par>
                                <p:cTn id="10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61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2000" fill="hold"/>
                                        <p:tgtEl>
                                          <p:spTgt spid="11161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2000" fill="hold"/>
                                        <p:tgtEl>
                                          <p:spTgt spid="11161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4000"/>
                            </p:stCondLst>
                            <p:childTnLst>
                              <p:par>
                                <p:cTn id="15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61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2000" fill="hold"/>
                                        <p:tgtEl>
                                          <p:spTgt spid="11161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2000" fill="hold"/>
                                        <p:tgtEl>
                                          <p:spTgt spid="11161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6000"/>
                            </p:stCondLst>
                            <p:childTnLst>
                              <p:par>
                                <p:cTn id="20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61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2" dur="2000" fill="hold"/>
                                        <p:tgtEl>
                                          <p:spTgt spid="11161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3" dur="2000" fill="hold"/>
                                        <p:tgtEl>
                                          <p:spTgt spid="11161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433101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5"/>
          <p:cNvSpPr/>
          <p:nvPr/>
        </p:nvSpPr>
        <p:spPr>
          <a:xfrm>
            <a:off x="8181752" y="5957248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>
              <a:solidFill>
                <a:schemeClr val="bg1"/>
              </a:solidFill>
            </a:endParaRPr>
          </a:p>
        </p:txBody>
      </p:sp>
      <p:sp>
        <p:nvSpPr>
          <p:cNvPr id="42" name="object 11"/>
          <p:cNvSpPr txBox="1">
            <a:spLocks/>
          </p:cNvSpPr>
          <p:nvPr/>
        </p:nvSpPr>
        <p:spPr>
          <a:xfrm>
            <a:off x="8610600" y="6503652"/>
            <a:ext cx="501294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>
            <a:defPPr>
              <a:defRPr kern="0"/>
            </a:defPPr>
            <a:lvl1pPr marL="19404" algn="ctr">
              <a:lnSpc>
                <a:spcPts val="1390"/>
              </a:lnSpc>
              <a:defRPr sz="1400" b="0" i="0" spc="10">
                <a:solidFill>
                  <a:schemeClr val="bg1"/>
                </a:solidFill>
                <a:latin typeface="Roboto"/>
                <a:cs typeface="Roboto"/>
              </a:defRPr>
            </a:lvl1pPr>
          </a:lstStyle>
          <a:p>
            <a:fld id="{1AADCD55-9889-4088-A6F0-1630CC9EC0CF}" type="slidenum">
              <a:rPr lang="en-US"/>
              <a:pPr/>
              <a:t>11</a:t>
            </a:fld>
            <a:endParaRPr lang="en-US" dirty="0"/>
          </a:p>
        </p:txBody>
      </p:sp>
      <p:sp>
        <p:nvSpPr>
          <p:cNvPr id="43" name="Прямоугольник 42"/>
          <p:cNvSpPr/>
          <p:nvPr/>
        </p:nvSpPr>
        <p:spPr>
          <a:xfrm>
            <a:off x="214282" y="568404"/>
            <a:ext cx="874651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ru-RU" b="1" dirty="0">
                <a:solidFill>
                  <a:srgbClr val="7D037D"/>
                </a:solidFill>
                <a:latin typeface="Arial" pitchFamily="34" charset="0"/>
                <a:cs typeface="Arial" pitchFamily="34" charset="0"/>
              </a:rPr>
              <a:t>Основной задачей Региональной системы оповещения является обеспечение доведения сигналов оповещения и экстренной информации до</a:t>
            </a:r>
            <a:r>
              <a:rPr lang="ru-RU" b="1" dirty="0" smtClean="0">
                <a:solidFill>
                  <a:srgbClr val="7D037D"/>
                </a:solidFill>
                <a:latin typeface="Arial" pitchFamily="34" charset="0"/>
                <a:cs typeface="Arial" pitchFamily="34" charset="0"/>
              </a:rPr>
              <a:t>:</a:t>
            </a:r>
            <a:endParaRPr lang="ru-RU" b="1" dirty="0">
              <a:solidFill>
                <a:srgbClr val="7D037D"/>
              </a:solidFill>
              <a:latin typeface="Arial" pitchFamily="34" charset="0"/>
              <a:cs typeface="Arial" pitchFamily="34" charset="0"/>
            </a:endParaRPr>
          </a:p>
        </p:txBody>
      </p:sp>
      <p:grpSp>
        <p:nvGrpSpPr>
          <p:cNvPr id="2" name="组合 49"/>
          <p:cNvGrpSpPr/>
          <p:nvPr/>
        </p:nvGrpSpPr>
        <p:grpSpPr>
          <a:xfrm>
            <a:off x="362792" y="4142586"/>
            <a:ext cx="817006" cy="880674"/>
            <a:chOff x="3561433" y="2783986"/>
            <a:chExt cx="1622044" cy="1860025"/>
          </a:xfrm>
          <a:effectLst/>
        </p:grpSpPr>
        <p:sp>
          <p:nvSpPr>
            <p:cNvPr id="101" name="任意多边形 23"/>
            <p:cNvSpPr>
              <a:spLocks/>
            </p:cNvSpPr>
            <p:nvPr/>
          </p:nvSpPr>
          <p:spPr bwMode="auto">
            <a:xfrm rot="16200000">
              <a:off x="3457373" y="3172312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00B0F0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FFB850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3" name="组合 58"/>
            <p:cNvGrpSpPr/>
            <p:nvPr/>
          </p:nvGrpSpPr>
          <p:grpSpPr>
            <a:xfrm>
              <a:off x="3561433" y="2783986"/>
              <a:ext cx="1622044" cy="1860025"/>
              <a:chOff x="3561433" y="2783986"/>
              <a:chExt cx="1622044" cy="1860025"/>
            </a:xfrm>
          </p:grpSpPr>
          <p:sp>
            <p:nvSpPr>
              <p:cNvPr id="104" name="Freeform 5"/>
              <p:cNvSpPr>
                <a:spLocks/>
              </p:cNvSpPr>
              <p:nvPr/>
            </p:nvSpPr>
            <p:spPr bwMode="auto">
              <a:xfrm rot="16200000">
                <a:off x="3497543" y="2885613"/>
                <a:ext cx="1787561" cy="1584307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 sz="1000" dirty="0">
                  <a:solidFill>
                    <a:prstClr val="black"/>
                  </a:solidFill>
                  <a:latin typeface="Roboto Black" panose="02000000000000000000" pitchFamily="2" charset="0"/>
                  <a:cs typeface="Arial" pitchFamily="34" charset="0"/>
                </a:endParaRPr>
              </a:p>
            </p:txBody>
          </p:sp>
          <p:sp>
            <p:nvSpPr>
              <p:cNvPr id="103" name="Freeform 5"/>
              <p:cNvSpPr>
                <a:spLocks/>
              </p:cNvSpPr>
              <p:nvPr/>
            </p:nvSpPr>
            <p:spPr bwMode="auto">
              <a:xfrm rot="16200000">
                <a:off x="3459804" y="2958075"/>
                <a:ext cx="1787565" cy="1584308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105" name="文本框 64"/>
              <p:cNvSpPr txBox="1"/>
              <p:nvPr/>
            </p:nvSpPr>
            <p:spPr>
              <a:xfrm>
                <a:off x="3962823" y="3224430"/>
                <a:ext cx="945077" cy="110506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ru-RU" altLang="zh-CN" sz="2800" dirty="0" smtClean="0">
                    <a:solidFill>
                      <a:srgbClr val="00B0F0"/>
                    </a:solidFill>
                    <a:latin typeface="Roboto Black" panose="02000000000000000000" pitchFamily="2" charset="0"/>
                    <a:ea typeface="Roboto Black" panose="02000000000000000000" pitchFamily="2" charset="0"/>
                    <a:cs typeface="Arial" pitchFamily="34" charset="0"/>
                  </a:rPr>
                  <a:t>3</a:t>
                </a:r>
                <a:endParaRPr lang="zh-CN" altLang="en-US" sz="2800" dirty="0">
                  <a:solidFill>
                    <a:srgbClr val="00B0F0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  <p:sp>
            <p:nvSpPr>
              <p:cNvPr id="106" name="椭圆 8"/>
              <p:cNvSpPr/>
              <p:nvPr/>
            </p:nvSpPr>
            <p:spPr>
              <a:xfrm rot="20000116">
                <a:off x="3692606" y="2870683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prstClr val="white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</p:grpSp>
      </p:grpSp>
      <p:sp>
        <p:nvSpPr>
          <p:cNvPr id="211" name="文本框 129"/>
          <p:cNvSpPr txBox="1"/>
          <p:nvPr/>
        </p:nvSpPr>
        <p:spPr>
          <a:xfrm>
            <a:off x="193464" y="6235496"/>
            <a:ext cx="3980537" cy="27700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endParaRPr lang="zh-CN" altLang="en-US" sz="1200" dirty="0">
              <a:solidFill>
                <a:prstClr val="black">
                  <a:lumMod val="50000"/>
                  <a:lumOff val="50000"/>
                </a:prstClr>
              </a:solidFill>
              <a:latin typeface="Roboto" pitchFamily="2" charset="0"/>
              <a:ea typeface="微软雅黑" panose="020B0503020204020204" pitchFamily="34" charset="-122"/>
              <a:cs typeface="Arial" pitchFamily="34" charset="0"/>
            </a:endParaRPr>
          </a:p>
        </p:txBody>
      </p:sp>
      <p:grpSp>
        <p:nvGrpSpPr>
          <p:cNvPr id="4" name="组合 50"/>
          <p:cNvGrpSpPr/>
          <p:nvPr/>
        </p:nvGrpSpPr>
        <p:grpSpPr>
          <a:xfrm>
            <a:off x="304800" y="1975512"/>
            <a:ext cx="848542" cy="869521"/>
            <a:chOff x="4432355" y="1356318"/>
            <a:chExt cx="1587748" cy="1799559"/>
          </a:xfrm>
          <a:effectLst/>
        </p:grpSpPr>
        <p:sp>
          <p:nvSpPr>
            <p:cNvPr id="50" name="任意多边形 24"/>
            <p:cNvSpPr>
              <a:spLocks/>
            </p:cNvSpPr>
            <p:nvPr/>
          </p:nvSpPr>
          <p:spPr bwMode="auto">
            <a:xfrm rot="16200000">
              <a:off x="4313824" y="1695911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FFB850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FFB850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5" name="组合 59"/>
            <p:cNvGrpSpPr/>
            <p:nvPr/>
          </p:nvGrpSpPr>
          <p:grpSpPr>
            <a:xfrm>
              <a:off x="4432355" y="1356318"/>
              <a:ext cx="1587748" cy="1799559"/>
              <a:chOff x="4432355" y="1356318"/>
              <a:chExt cx="1587748" cy="1799559"/>
            </a:xfrm>
          </p:grpSpPr>
          <p:sp>
            <p:nvSpPr>
              <p:cNvPr id="52" name="Freeform 5"/>
              <p:cNvSpPr>
                <a:spLocks/>
              </p:cNvSpPr>
              <p:nvPr/>
            </p:nvSpPr>
            <p:spPr bwMode="auto">
              <a:xfrm rot="16200000">
                <a:off x="4330726" y="1457947"/>
                <a:ext cx="1787565" cy="1584307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3" name="椭圆 9"/>
              <p:cNvSpPr/>
              <p:nvPr/>
            </p:nvSpPr>
            <p:spPr>
              <a:xfrm rot="20000116">
                <a:off x="4550973" y="1402691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prstClr val="white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4" name="Freeform 5"/>
              <p:cNvSpPr>
                <a:spLocks/>
              </p:cNvSpPr>
              <p:nvPr/>
            </p:nvSpPr>
            <p:spPr bwMode="auto">
              <a:xfrm rot="16200000">
                <a:off x="4334167" y="1469942"/>
                <a:ext cx="1787565" cy="1584306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5" name="文本框 63"/>
              <p:cNvSpPr txBox="1"/>
              <p:nvPr/>
            </p:nvSpPr>
            <p:spPr>
              <a:xfrm>
                <a:off x="4739473" y="1836754"/>
                <a:ext cx="945077" cy="108285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altLang="zh-CN" sz="2800" dirty="0" smtClean="0">
                    <a:solidFill>
                      <a:srgbClr val="FFC000"/>
                    </a:solidFill>
                    <a:latin typeface="Roboto Black" panose="02000000000000000000" pitchFamily="2" charset="0"/>
                    <a:ea typeface="Roboto Black" panose="02000000000000000000" pitchFamily="2" charset="0"/>
                    <a:cs typeface="Arial" pitchFamily="34" charset="0"/>
                  </a:rPr>
                  <a:t>1</a:t>
                </a:r>
                <a:endParaRPr lang="zh-CN" altLang="en-US" sz="2800" dirty="0">
                  <a:solidFill>
                    <a:srgbClr val="FFC000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</p:grpSp>
      </p:grpSp>
      <p:grpSp>
        <p:nvGrpSpPr>
          <p:cNvPr id="6" name="组合 38"/>
          <p:cNvGrpSpPr/>
          <p:nvPr/>
        </p:nvGrpSpPr>
        <p:grpSpPr>
          <a:xfrm>
            <a:off x="1357290" y="2024579"/>
            <a:ext cx="7762480" cy="755784"/>
            <a:chOff x="1437449" y="1576515"/>
            <a:chExt cx="2624600" cy="755960"/>
          </a:xfrm>
        </p:grpSpPr>
        <p:sp>
          <p:nvSpPr>
            <p:cNvPr id="74" name="文本框 70"/>
            <p:cNvSpPr txBox="1"/>
            <p:nvPr/>
          </p:nvSpPr>
          <p:spPr>
            <a:xfrm>
              <a:off x="1437449" y="1576515"/>
              <a:ext cx="2618300" cy="64648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l"/>
              <a:r>
                <a:rPr lang="ru-RU" b="1" dirty="0">
                  <a:latin typeface="Arial" pitchFamily="34" charset="0"/>
                  <a:cs typeface="Arial" pitchFamily="34" charset="0"/>
                </a:rPr>
                <a:t>руководящего состава ГО Липецкой области и Липецкой территориальной подсистемы  </a:t>
              </a:r>
              <a:r>
                <a:rPr lang="ru-RU" b="1" dirty="0" smtClean="0">
                  <a:latin typeface="Arial" pitchFamily="34" charset="0"/>
                  <a:cs typeface="Arial" pitchFamily="34" charset="0"/>
                </a:rPr>
                <a:t>РСЧС</a:t>
              </a:r>
              <a:endParaRPr lang="ru-RU" b="1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Arial" pitchFamily="34" charset="0"/>
                <a:ea typeface="Roboto Black" pitchFamily="2" charset="0"/>
                <a:cs typeface="Arial" pitchFamily="34" charset="0"/>
              </a:endParaRPr>
            </a:p>
          </p:txBody>
        </p:sp>
        <p:sp>
          <p:nvSpPr>
            <p:cNvPr id="76" name="文本框 113"/>
            <p:cNvSpPr txBox="1"/>
            <p:nvPr/>
          </p:nvSpPr>
          <p:spPr>
            <a:xfrm>
              <a:off x="1490406" y="2024626"/>
              <a:ext cx="2571643" cy="30784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l"/>
              <a:endParaRPr lang="zh-CN" altLang="en-US" sz="1400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微软雅黑" panose="020B0503020204020204" pitchFamily="34" charset="-122"/>
                <a:cs typeface="Arial" pitchFamily="34" charset="0"/>
              </a:endParaRPr>
            </a:p>
          </p:txBody>
        </p:sp>
      </p:grpSp>
      <p:grpSp>
        <p:nvGrpSpPr>
          <p:cNvPr id="8" name="组合 49"/>
          <p:cNvGrpSpPr/>
          <p:nvPr/>
        </p:nvGrpSpPr>
        <p:grpSpPr>
          <a:xfrm>
            <a:off x="345003" y="3079989"/>
            <a:ext cx="807498" cy="853646"/>
            <a:chOff x="3544980" y="2862763"/>
            <a:chExt cx="1603168" cy="1802941"/>
          </a:xfrm>
          <a:effectLst/>
        </p:grpSpPr>
        <p:sp>
          <p:nvSpPr>
            <p:cNvPr id="79" name="任意多边形 23"/>
            <p:cNvSpPr>
              <a:spLocks/>
            </p:cNvSpPr>
            <p:nvPr/>
          </p:nvSpPr>
          <p:spPr bwMode="auto">
            <a:xfrm rot="16200000">
              <a:off x="3457373" y="3172312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7030A0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FFB850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9" name="组合 58"/>
            <p:cNvGrpSpPr/>
            <p:nvPr/>
          </p:nvGrpSpPr>
          <p:grpSpPr>
            <a:xfrm>
              <a:off x="3544980" y="2862763"/>
              <a:ext cx="1603168" cy="1802941"/>
              <a:chOff x="3544980" y="2862763"/>
              <a:chExt cx="1603168" cy="1802941"/>
            </a:xfrm>
          </p:grpSpPr>
          <p:sp>
            <p:nvSpPr>
              <p:cNvPr id="81" name="Freeform 5"/>
              <p:cNvSpPr>
                <a:spLocks/>
              </p:cNvSpPr>
              <p:nvPr/>
            </p:nvSpPr>
            <p:spPr bwMode="auto">
              <a:xfrm rot="16200000">
                <a:off x="3443351" y="2964392"/>
                <a:ext cx="1787565" cy="1584308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83" name="Freeform 5"/>
              <p:cNvSpPr>
                <a:spLocks/>
              </p:cNvSpPr>
              <p:nvPr/>
            </p:nvSpPr>
            <p:spPr bwMode="auto">
              <a:xfrm rot="16200000">
                <a:off x="3462214" y="2979770"/>
                <a:ext cx="1787562" cy="1584306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 sz="1000" dirty="0">
                  <a:solidFill>
                    <a:prstClr val="black"/>
                  </a:solidFill>
                  <a:latin typeface="Roboto Black" panose="02000000000000000000" pitchFamily="2" charset="0"/>
                  <a:cs typeface="Arial" pitchFamily="34" charset="0"/>
                </a:endParaRPr>
              </a:p>
            </p:txBody>
          </p:sp>
          <p:sp>
            <p:nvSpPr>
              <p:cNvPr id="84" name="文本框 64"/>
              <p:cNvSpPr txBox="1"/>
              <p:nvPr/>
            </p:nvSpPr>
            <p:spPr>
              <a:xfrm>
                <a:off x="3919014" y="3337023"/>
                <a:ext cx="945077" cy="11050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altLang="zh-CN" sz="2800" dirty="0" smtClean="0">
                    <a:solidFill>
                      <a:srgbClr val="7030A0"/>
                    </a:solidFill>
                    <a:latin typeface="Roboto Black" panose="02000000000000000000" pitchFamily="2" charset="0"/>
                    <a:ea typeface="Roboto Black" panose="02000000000000000000" pitchFamily="2" charset="0"/>
                    <a:cs typeface="Arial" pitchFamily="34" charset="0"/>
                  </a:rPr>
                  <a:t>2</a:t>
                </a:r>
                <a:endParaRPr lang="zh-CN" altLang="en-US" sz="2800" dirty="0">
                  <a:solidFill>
                    <a:srgbClr val="7030A0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  <p:sp>
            <p:nvSpPr>
              <p:cNvPr id="82" name="椭圆 8"/>
              <p:cNvSpPr/>
              <p:nvPr/>
            </p:nvSpPr>
            <p:spPr>
              <a:xfrm rot="20000116">
                <a:off x="3692606" y="2870683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prstClr val="white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</p:grpSp>
      </p:grpSp>
      <p:grpSp>
        <p:nvGrpSpPr>
          <p:cNvPr id="10" name="组合 40"/>
          <p:cNvGrpSpPr/>
          <p:nvPr/>
        </p:nvGrpSpPr>
        <p:grpSpPr>
          <a:xfrm>
            <a:off x="1357290" y="3286127"/>
            <a:ext cx="7643269" cy="767703"/>
            <a:chOff x="318242" y="3260908"/>
            <a:chExt cx="3143635" cy="559144"/>
          </a:xfrm>
        </p:grpSpPr>
        <p:sp>
          <p:nvSpPr>
            <p:cNvPr id="86" name="文本框 76"/>
            <p:cNvSpPr txBox="1"/>
            <p:nvPr/>
          </p:nvSpPr>
          <p:spPr>
            <a:xfrm>
              <a:off x="318242" y="3260908"/>
              <a:ext cx="3143635" cy="268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 sz="2000">
                  <a:solidFill>
                    <a:schemeClr val="tx1">
                      <a:lumMod val="95000"/>
                      <a:lumOff val="5000"/>
                    </a:schemeClr>
                  </a:solidFill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r>
                <a:rPr lang="ru-RU" sz="1800" b="1" dirty="0" smtClean="0">
                  <a:latin typeface="Arial" pitchFamily="34" charset="0"/>
                  <a:cs typeface="Arial" pitchFamily="34" charset="0"/>
                </a:rPr>
                <a:t>Главного управления МЧС России по Липецкой области</a:t>
              </a:r>
            </a:p>
          </p:txBody>
        </p:sp>
        <p:sp>
          <p:nvSpPr>
            <p:cNvPr id="87" name="文本框 113"/>
            <p:cNvSpPr txBox="1"/>
            <p:nvPr/>
          </p:nvSpPr>
          <p:spPr>
            <a:xfrm>
              <a:off x="863608" y="3551055"/>
              <a:ext cx="2323116" cy="268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endParaRPr lang="zh-CN" altLang="en-US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</a:endParaRPr>
            </a:p>
          </p:txBody>
        </p:sp>
      </p:grpSp>
      <p:grpSp>
        <p:nvGrpSpPr>
          <p:cNvPr id="11" name="组合 40"/>
          <p:cNvGrpSpPr/>
          <p:nvPr/>
        </p:nvGrpSpPr>
        <p:grpSpPr>
          <a:xfrm>
            <a:off x="1394037" y="4143378"/>
            <a:ext cx="7749963" cy="1028757"/>
            <a:chOff x="407750" y="3070773"/>
            <a:chExt cx="3187518" cy="749279"/>
          </a:xfrm>
        </p:grpSpPr>
        <p:sp>
          <p:nvSpPr>
            <p:cNvPr id="108" name="文本框 76"/>
            <p:cNvSpPr txBox="1"/>
            <p:nvPr/>
          </p:nvSpPr>
          <p:spPr>
            <a:xfrm>
              <a:off x="407750" y="3070773"/>
              <a:ext cx="3187518" cy="67249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 sz="2000">
                  <a:solidFill>
                    <a:schemeClr val="tx1">
                      <a:lumMod val="95000"/>
                      <a:lumOff val="5000"/>
                    </a:schemeClr>
                  </a:solidFill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r>
                <a:rPr lang="ru-RU" sz="1800" b="1" dirty="0" smtClean="0">
                  <a:latin typeface="Arial" pitchFamily="34" charset="0"/>
                  <a:cs typeface="Arial" pitchFamily="34" charset="0"/>
                </a:rPr>
                <a:t>органов, специально уполномоченных на решение задач в области защиты населения и территорий от чрезвычайных ситуаций и гражданской обороны</a:t>
              </a:r>
              <a:endParaRPr lang="ru-RU" sz="1800" b="1" dirty="0">
                <a:solidFill>
                  <a:schemeClr val="tx1"/>
                </a:solidFill>
                <a:latin typeface="Arial" pitchFamily="34" charset="0"/>
                <a:ea typeface="Roboto Black" pitchFamily="2" charset="0"/>
                <a:cs typeface="Arial" pitchFamily="34" charset="0"/>
              </a:endParaRPr>
            </a:p>
          </p:txBody>
        </p:sp>
        <p:sp>
          <p:nvSpPr>
            <p:cNvPr id="109" name="文本框 113"/>
            <p:cNvSpPr txBox="1"/>
            <p:nvPr/>
          </p:nvSpPr>
          <p:spPr>
            <a:xfrm>
              <a:off x="863608" y="3551055"/>
              <a:ext cx="2323116" cy="268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endParaRPr lang="zh-CN" altLang="en-US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</a:endParaRPr>
            </a:p>
          </p:txBody>
        </p:sp>
      </p:grpSp>
      <p:grpSp>
        <p:nvGrpSpPr>
          <p:cNvPr id="12" name="组合 49"/>
          <p:cNvGrpSpPr/>
          <p:nvPr/>
        </p:nvGrpSpPr>
        <p:grpSpPr>
          <a:xfrm>
            <a:off x="437506" y="5280452"/>
            <a:ext cx="1123135" cy="980620"/>
            <a:chOff x="3607422" y="2848545"/>
            <a:chExt cx="2229817" cy="2071117"/>
          </a:xfrm>
          <a:effectLst/>
        </p:grpSpPr>
        <p:sp>
          <p:nvSpPr>
            <p:cNvPr id="111" name="任意多边形 23"/>
            <p:cNvSpPr>
              <a:spLocks/>
            </p:cNvSpPr>
            <p:nvPr/>
          </p:nvSpPr>
          <p:spPr bwMode="auto">
            <a:xfrm rot="16200000">
              <a:off x="3457373" y="3172312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CC0066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CC0066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13" name="组合 58"/>
            <p:cNvGrpSpPr/>
            <p:nvPr/>
          </p:nvGrpSpPr>
          <p:grpSpPr>
            <a:xfrm>
              <a:off x="3607422" y="2848545"/>
              <a:ext cx="2229817" cy="2071117"/>
              <a:chOff x="3607422" y="2848545"/>
              <a:chExt cx="2229817" cy="2071117"/>
            </a:xfrm>
          </p:grpSpPr>
          <p:sp>
            <p:nvSpPr>
              <p:cNvPr id="123" name="Freeform 5"/>
              <p:cNvSpPr>
                <a:spLocks/>
              </p:cNvSpPr>
              <p:nvPr/>
            </p:nvSpPr>
            <p:spPr bwMode="auto">
              <a:xfrm rot="16200000">
                <a:off x="4151305" y="3233729"/>
                <a:ext cx="1787561" cy="1584306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 sz="1000" dirty="0">
                  <a:solidFill>
                    <a:srgbClr val="CC0066"/>
                  </a:solidFill>
                  <a:latin typeface="Roboto Black" panose="02000000000000000000" pitchFamily="2" charset="0"/>
                  <a:cs typeface="Arial" pitchFamily="34" charset="0"/>
                </a:endParaRPr>
              </a:p>
            </p:txBody>
          </p:sp>
          <p:sp>
            <p:nvSpPr>
              <p:cNvPr id="124" name="Freeform 5"/>
              <p:cNvSpPr>
                <a:spLocks/>
              </p:cNvSpPr>
              <p:nvPr/>
            </p:nvSpPr>
            <p:spPr bwMode="auto">
              <a:xfrm rot="16200000">
                <a:off x="3505794" y="2950173"/>
                <a:ext cx="1787566" cy="1584310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srgbClr val="CC0066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125" name="文本框 64"/>
              <p:cNvSpPr txBox="1"/>
              <p:nvPr/>
            </p:nvSpPr>
            <p:spPr>
              <a:xfrm>
                <a:off x="3969765" y="3231728"/>
                <a:ext cx="945077" cy="110506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ru-RU" altLang="zh-CN" sz="2800" dirty="0" smtClean="0">
                    <a:solidFill>
                      <a:srgbClr val="CC0066"/>
                    </a:solidFill>
                    <a:latin typeface="Roboto Black" panose="02000000000000000000" pitchFamily="2" charset="0"/>
                    <a:ea typeface="Roboto Black" panose="02000000000000000000" pitchFamily="2" charset="0"/>
                    <a:cs typeface="Arial" pitchFamily="34" charset="0"/>
                  </a:rPr>
                  <a:t>4</a:t>
                </a:r>
                <a:endParaRPr lang="zh-CN" altLang="en-US" sz="2800" dirty="0">
                  <a:solidFill>
                    <a:srgbClr val="CC0066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  <p:sp>
            <p:nvSpPr>
              <p:cNvPr id="126" name="椭圆 8"/>
              <p:cNvSpPr/>
              <p:nvPr/>
            </p:nvSpPr>
            <p:spPr>
              <a:xfrm rot="20000116">
                <a:off x="3692606" y="2870683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srgbClr val="CC0066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</p:grpSp>
      </p:grpSp>
      <p:grpSp>
        <p:nvGrpSpPr>
          <p:cNvPr id="15" name="组合 40"/>
          <p:cNvGrpSpPr/>
          <p:nvPr/>
        </p:nvGrpSpPr>
        <p:grpSpPr>
          <a:xfrm>
            <a:off x="1404643" y="5416400"/>
            <a:ext cx="7725509" cy="958574"/>
            <a:chOff x="390910" y="3121890"/>
            <a:chExt cx="3187518" cy="698162"/>
          </a:xfrm>
        </p:grpSpPr>
        <p:sp>
          <p:nvSpPr>
            <p:cNvPr id="128" name="文本框 76"/>
            <p:cNvSpPr txBox="1"/>
            <p:nvPr/>
          </p:nvSpPr>
          <p:spPr>
            <a:xfrm>
              <a:off x="390910" y="3121890"/>
              <a:ext cx="3187518" cy="47074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 sz="2000">
                  <a:solidFill>
                    <a:schemeClr val="tx1">
                      <a:lumMod val="95000"/>
                      <a:lumOff val="5000"/>
                    </a:schemeClr>
                  </a:solidFill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r>
                <a:rPr lang="ru-RU" sz="1800" b="1" dirty="0" smtClean="0">
                  <a:latin typeface="Arial" pitchFamily="34" charset="0"/>
                  <a:cs typeface="Arial" pitchFamily="34" charset="0"/>
                </a:rPr>
                <a:t>единых дежурно-диспетчерских служб муниципальных образований Липецкой области</a:t>
              </a:r>
              <a:endParaRPr lang="ru-RU" sz="1800" b="1" dirty="0">
                <a:solidFill>
                  <a:schemeClr val="tx1"/>
                </a:solidFill>
                <a:latin typeface="Arial" pitchFamily="34" charset="0"/>
                <a:ea typeface="Roboto Medium" pitchFamily="2" charset="0"/>
                <a:cs typeface="Arial" pitchFamily="34" charset="0"/>
              </a:endParaRPr>
            </a:p>
          </p:txBody>
        </p:sp>
        <p:sp>
          <p:nvSpPr>
            <p:cNvPr id="132" name="文本框 113"/>
            <p:cNvSpPr txBox="1"/>
            <p:nvPr/>
          </p:nvSpPr>
          <p:spPr>
            <a:xfrm>
              <a:off x="863608" y="3551055"/>
              <a:ext cx="2323116" cy="268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endParaRPr lang="zh-CN" altLang="en-US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</a:endParaRPr>
            </a:p>
          </p:txBody>
        </p:sp>
      </p:grpSp>
      <p:sp>
        <p:nvSpPr>
          <p:cNvPr id="4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70565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4653 0.14005 C 0.87378 0.09143 0.82569 -0.00139 0.72882 -0.00579 C 0.63177 -0.00995 0.37517 0.11805 0.28003 0.11458 C 0.18507 0.11111 0.02135 0.06944 2.5E-6 -0.00185 " pathEditMode="relative" rAng="0" ptsTypes="AAAA">
                                      <p:cBhvr>
                                        <p:cTn id="14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7326" y="-7315"/>
                                    </p:animMotion>
                                  </p:childTnLst>
                                </p:cTn>
                              </p:par>
                              <p:par>
                                <p:cTn id="1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6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7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32" presetClass="emph" presetSubtype="0" repeatCount="3000" fill="hold" nodeType="withEffect">
                                  <p:stCondLst>
                                    <p:cond delay="1250"/>
                                  </p:stCondLst>
                                  <p:childTnLst>
                                    <p:animRot by="120000">
                                      <p:cBhvr>
                                        <p:cTn id="22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3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4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5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6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7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3000"/>
                            </p:stCondLst>
                            <p:childTnLst>
                              <p:par>
                                <p:cTn id="3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6823 0.1926 C 0.89375 0.12639 0.84479 -2.59259E-6 0.74566 -0.00555 C 0.64618 -0.01134 0.38386 0.16273 0.28646 0.15787 C 0.18941 0.15324 0.02188 0.09653 -8.33333E-7 -0.00046 " pathEditMode="relative" rAng="0" ptsTypes="AAAA">
                                      <p:cBhvr>
                                        <p:cTn id="35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8420" y="-9931"/>
                                    </p:animMotion>
                                  </p:childTnLst>
                                </p:cTn>
                              </p:par>
                              <p:par>
                                <p:cTn id="36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37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8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0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2" presetID="32" presetClass="emph" presetSubtype="0" repeatCount="3000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animRot by="120000">
                                      <p:cBhvr>
                                        <p:cTn id="43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4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5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6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7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48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250"/>
                            </p:stCondLst>
                            <p:childTnLst>
                              <p:par>
                                <p:cTn id="5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6823 0.19259 C 0.89376 0.12639 0.8448 2.96296E-6 0.74566 -0.00556 C 0.64619 -0.01135 0.38386 0.16273 0.28646 0.15787 C 0.18941 0.15324 0.02188 0.09652 5E-6 -0.00047 " pathEditMode="relative" rAng="0" ptsTypes="AAAA">
                                      <p:cBhvr>
                                        <p:cTn id="56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8420" y="-9931"/>
                                    </p:animMotion>
                                  </p:childTnLst>
                                </p:cTn>
                              </p:par>
                              <p:par>
                                <p:cTn id="57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58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9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1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2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63" presetID="32" presetClass="emph" presetSubtype="0" repeatCount="3000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animRot by="120000">
                                      <p:cBhvr>
                                        <p:cTn id="64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65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66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67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68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9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7500"/>
                            </p:stCondLst>
                            <p:childTnLst>
                              <p:par>
                                <p:cTn id="7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6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6823 0.19259 C 0.89375 0.12638 0.84479 4.81481E-6 0.74566 -0.00556 C 0.64618 -0.01135 0.38386 0.16273 0.28646 0.15787 C 0.18941 0.15324 0.02188 0.09652 -1.38889E-6 -0.00047 " pathEditMode="relative" rAng="0" ptsTypes="AAAA">
                                      <p:cBhvr>
                                        <p:cTn id="77" dur="1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8420" y="-9931"/>
                                    </p:animMotion>
                                  </p:childTnLst>
                                </p:cTn>
                              </p:par>
                              <p:par>
                                <p:cTn id="78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79" dur="1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80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82" dur="1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3" dur="1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84" presetID="32" presetClass="emph" presetSubtype="0" repeatCount="3000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animRot by="120000">
                                      <p:cBhvr>
                                        <p:cTn id="85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86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87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88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89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90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433101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5"/>
          <p:cNvSpPr/>
          <p:nvPr/>
        </p:nvSpPr>
        <p:spPr>
          <a:xfrm>
            <a:off x="8181752" y="5957248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>
              <a:solidFill>
                <a:schemeClr val="bg1"/>
              </a:solidFill>
            </a:endParaRPr>
          </a:p>
        </p:txBody>
      </p:sp>
      <p:sp>
        <p:nvSpPr>
          <p:cNvPr id="42" name="object 11"/>
          <p:cNvSpPr txBox="1">
            <a:spLocks/>
          </p:cNvSpPr>
          <p:nvPr/>
        </p:nvSpPr>
        <p:spPr>
          <a:xfrm>
            <a:off x="8610600" y="6503652"/>
            <a:ext cx="501294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>
            <a:defPPr>
              <a:defRPr kern="0"/>
            </a:defPPr>
            <a:lvl1pPr marL="19404" algn="ctr">
              <a:lnSpc>
                <a:spcPts val="1390"/>
              </a:lnSpc>
              <a:defRPr sz="1400" b="0" i="0" spc="10">
                <a:solidFill>
                  <a:schemeClr val="bg1"/>
                </a:solidFill>
                <a:latin typeface="Roboto"/>
                <a:cs typeface="Roboto"/>
              </a:defRPr>
            </a:lvl1pPr>
          </a:lstStyle>
          <a:p>
            <a:fld id="{1AADCD55-9889-4088-A6F0-1630CC9EC0CF}" type="slidenum">
              <a:rPr lang="en-US"/>
              <a:pPr/>
              <a:t>12</a:t>
            </a:fld>
            <a:endParaRPr lang="en-US" dirty="0"/>
          </a:p>
        </p:txBody>
      </p:sp>
      <p:sp>
        <p:nvSpPr>
          <p:cNvPr id="43" name="Прямоугольник 42"/>
          <p:cNvSpPr/>
          <p:nvPr/>
        </p:nvSpPr>
        <p:spPr>
          <a:xfrm>
            <a:off x="214282" y="568404"/>
            <a:ext cx="8746512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ru-RU" b="1" dirty="0" smtClean="0">
                <a:solidFill>
                  <a:srgbClr val="7D037D"/>
                </a:solidFill>
                <a:latin typeface="Arial" pitchFamily="34" charset="0"/>
                <a:cs typeface="Arial" pitchFamily="34" charset="0"/>
              </a:rPr>
              <a:t>Основной задачей Региональной системы оповещения является обеспечение доведения сигналов оповещения и экстренной информации до:</a:t>
            </a:r>
          </a:p>
        </p:txBody>
      </p:sp>
      <p:grpSp>
        <p:nvGrpSpPr>
          <p:cNvPr id="2" name="组合 49"/>
          <p:cNvGrpSpPr/>
          <p:nvPr/>
        </p:nvGrpSpPr>
        <p:grpSpPr>
          <a:xfrm>
            <a:off x="285720" y="5429264"/>
            <a:ext cx="817006" cy="880674"/>
            <a:chOff x="3561433" y="2783986"/>
            <a:chExt cx="1622044" cy="1860025"/>
          </a:xfrm>
          <a:effectLst/>
        </p:grpSpPr>
        <p:sp>
          <p:nvSpPr>
            <p:cNvPr id="101" name="任意多边形 23"/>
            <p:cNvSpPr>
              <a:spLocks/>
            </p:cNvSpPr>
            <p:nvPr/>
          </p:nvSpPr>
          <p:spPr bwMode="auto">
            <a:xfrm rot="16200000">
              <a:off x="3457373" y="3172312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00B0F0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FFB850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3" name="组合 58"/>
            <p:cNvGrpSpPr/>
            <p:nvPr/>
          </p:nvGrpSpPr>
          <p:grpSpPr>
            <a:xfrm>
              <a:off x="3561433" y="2783986"/>
              <a:ext cx="1622044" cy="1860025"/>
              <a:chOff x="3561433" y="2783986"/>
              <a:chExt cx="1622044" cy="1860025"/>
            </a:xfrm>
          </p:grpSpPr>
          <p:sp>
            <p:nvSpPr>
              <p:cNvPr id="104" name="Freeform 5"/>
              <p:cNvSpPr>
                <a:spLocks/>
              </p:cNvSpPr>
              <p:nvPr/>
            </p:nvSpPr>
            <p:spPr bwMode="auto">
              <a:xfrm rot="16200000">
                <a:off x="3497543" y="2885613"/>
                <a:ext cx="1787561" cy="1584307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 sz="1000" dirty="0">
                  <a:solidFill>
                    <a:prstClr val="black"/>
                  </a:solidFill>
                  <a:latin typeface="Roboto Black" panose="02000000000000000000" pitchFamily="2" charset="0"/>
                  <a:cs typeface="Arial" pitchFamily="34" charset="0"/>
                </a:endParaRPr>
              </a:p>
            </p:txBody>
          </p:sp>
          <p:sp>
            <p:nvSpPr>
              <p:cNvPr id="103" name="Freeform 5"/>
              <p:cNvSpPr>
                <a:spLocks/>
              </p:cNvSpPr>
              <p:nvPr/>
            </p:nvSpPr>
            <p:spPr bwMode="auto">
              <a:xfrm rot="16200000">
                <a:off x="3459804" y="2958075"/>
                <a:ext cx="1787565" cy="1584308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105" name="文本框 64"/>
              <p:cNvSpPr txBox="1"/>
              <p:nvPr/>
            </p:nvSpPr>
            <p:spPr>
              <a:xfrm>
                <a:off x="3962823" y="3224430"/>
                <a:ext cx="945077" cy="110506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ru-RU" altLang="zh-CN" sz="2800" dirty="0" smtClean="0">
                    <a:solidFill>
                      <a:srgbClr val="00B0F0"/>
                    </a:solidFill>
                    <a:latin typeface="Roboto Black" panose="02000000000000000000" pitchFamily="2" charset="0"/>
                    <a:ea typeface="LiHei Pro" panose="020B0500000000000000" pitchFamily="34" charset="-122"/>
                    <a:cs typeface="Arial" pitchFamily="34" charset="0"/>
                  </a:rPr>
                  <a:t>7</a:t>
                </a:r>
                <a:endParaRPr lang="zh-CN" altLang="en-US" sz="2800" dirty="0">
                  <a:solidFill>
                    <a:srgbClr val="00B0F0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  <p:sp>
            <p:nvSpPr>
              <p:cNvPr id="106" name="椭圆 8"/>
              <p:cNvSpPr/>
              <p:nvPr/>
            </p:nvSpPr>
            <p:spPr>
              <a:xfrm rot="20000116">
                <a:off x="3692606" y="2870683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prstClr val="white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</p:grpSp>
      </p:grpSp>
      <p:sp>
        <p:nvSpPr>
          <p:cNvPr id="211" name="文本框 129"/>
          <p:cNvSpPr txBox="1"/>
          <p:nvPr/>
        </p:nvSpPr>
        <p:spPr>
          <a:xfrm>
            <a:off x="193464" y="6235496"/>
            <a:ext cx="3980537" cy="27700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endParaRPr lang="zh-CN" altLang="en-US" sz="1200" dirty="0">
              <a:solidFill>
                <a:prstClr val="black">
                  <a:lumMod val="50000"/>
                  <a:lumOff val="50000"/>
                </a:prstClr>
              </a:solidFill>
              <a:latin typeface="Roboto" pitchFamily="2" charset="0"/>
              <a:ea typeface="微软雅黑" panose="020B0503020204020204" pitchFamily="34" charset="-122"/>
              <a:cs typeface="Arial" pitchFamily="34" charset="0"/>
            </a:endParaRPr>
          </a:p>
        </p:txBody>
      </p:sp>
      <p:grpSp>
        <p:nvGrpSpPr>
          <p:cNvPr id="4" name="组合 50"/>
          <p:cNvGrpSpPr/>
          <p:nvPr/>
        </p:nvGrpSpPr>
        <p:grpSpPr>
          <a:xfrm>
            <a:off x="285720" y="1571612"/>
            <a:ext cx="848542" cy="869521"/>
            <a:chOff x="4432355" y="1356318"/>
            <a:chExt cx="1587748" cy="1799559"/>
          </a:xfrm>
          <a:effectLst/>
        </p:grpSpPr>
        <p:sp>
          <p:nvSpPr>
            <p:cNvPr id="50" name="任意多边形 24"/>
            <p:cNvSpPr>
              <a:spLocks/>
            </p:cNvSpPr>
            <p:nvPr/>
          </p:nvSpPr>
          <p:spPr bwMode="auto">
            <a:xfrm rot="16200000">
              <a:off x="4313824" y="1695911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FFB850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FFB850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5" name="组合 59"/>
            <p:cNvGrpSpPr/>
            <p:nvPr/>
          </p:nvGrpSpPr>
          <p:grpSpPr>
            <a:xfrm>
              <a:off x="4432355" y="1356318"/>
              <a:ext cx="1587748" cy="1799559"/>
              <a:chOff x="4432355" y="1356318"/>
              <a:chExt cx="1587748" cy="1799559"/>
            </a:xfrm>
          </p:grpSpPr>
          <p:sp>
            <p:nvSpPr>
              <p:cNvPr id="52" name="Freeform 5"/>
              <p:cNvSpPr>
                <a:spLocks/>
              </p:cNvSpPr>
              <p:nvPr/>
            </p:nvSpPr>
            <p:spPr bwMode="auto">
              <a:xfrm rot="16200000">
                <a:off x="4330726" y="1457947"/>
                <a:ext cx="1787565" cy="1584307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3" name="椭圆 9"/>
              <p:cNvSpPr/>
              <p:nvPr/>
            </p:nvSpPr>
            <p:spPr>
              <a:xfrm rot="20000116">
                <a:off x="4550973" y="1402691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prstClr val="white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4" name="Freeform 5"/>
              <p:cNvSpPr>
                <a:spLocks/>
              </p:cNvSpPr>
              <p:nvPr/>
            </p:nvSpPr>
            <p:spPr bwMode="auto">
              <a:xfrm rot="16200000">
                <a:off x="4334167" y="1469942"/>
                <a:ext cx="1787565" cy="1584306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5" name="文本框 63"/>
              <p:cNvSpPr txBox="1"/>
              <p:nvPr/>
            </p:nvSpPr>
            <p:spPr>
              <a:xfrm>
                <a:off x="4739473" y="1836754"/>
                <a:ext cx="945077" cy="108285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ru-RU" altLang="zh-CN" sz="2800" dirty="0" smtClean="0">
                    <a:solidFill>
                      <a:srgbClr val="FFC000"/>
                    </a:solidFill>
                    <a:latin typeface="Roboto Black" panose="02000000000000000000" pitchFamily="2" charset="0"/>
                    <a:ea typeface="LiHei Pro" panose="020B0500000000000000" pitchFamily="34" charset="-122"/>
                    <a:cs typeface="Arial" pitchFamily="34" charset="0"/>
                  </a:rPr>
                  <a:t>5</a:t>
                </a:r>
                <a:endParaRPr lang="zh-CN" altLang="en-US" sz="2800" dirty="0">
                  <a:solidFill>
                    <a:srgbClr val="FFC000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</p:grpSp>
      </p:grpSp>
      <p:grpSp>
        <p:nvGrpSpPr>
          <p:cNvPr id="6" name="组合 38"/>
          <p:cNvGrpSpPr/>
          <p:nvPr/>
        </p:nvGrpSpPr>
        <p:grpSpPr>
          <a:xfrm>
            <a:off x="1400153" y="1643050"/>
            <a:ext cx="7743847" cy="1137313"/>
            <a:chOff x="1451942" y="1194897"/>
            <a:chExt cx="2618300" cy="1137578"/>
          </a:xfrm>
        </p:grpSpPr>
        <p:sp>
          <p:nvSpPr>
            <p:cNvPr id="74" name="文本框 70"/>
            <p:cNvSpPr txBox="1"/>
            <p:nvPr/>
          </p:nvSpPr>
          <p:spPr>
            <a:xfrm>
              <a:off x="1451942" y="1194897"/>
              <a:ext cx="2618300" cy="64648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l"/>
              <a:r>
                <a:rPr lang="ru-RU" b="1" dirty="0">
                  <a:latin typeface="Arial" pitchFamily="34" charset="0"/>
                  <a:cs typeface="Arial" pitchFamily="34" charset="0"/>
                </a:rPr>
                <a:t>с</a:t>
              </a:r>
              <a:r>
                <a:rPr lang="ru-RU" b="1" dirty="0" smtClean="0">
                  <a:latin typeface="Arial" pitchFamily="34" charset="0"/>
                  <a:cs typeface="Arial" pitchFamily="34" charset="0"/>
                </a:rPr>
                <a:t>ил ГО </a:t>
              </a:r>
              <a:r>
                <a:rPr lang="ru-RU" b="1" dirty="0">
                  <a:latin typeface="Arial" pitchFamily="34" charset="0"/>
                  <a:cs typeface="Arial" pitchFamily="34" charset="0"/>
                </a:rPr>
                <a:t>Липецкой области и Липецкой территориальной подсистемы  </a:t>
              </a:r>
              <a:r>
                <a:rPr lang="ru-RU" b="1" dirty="0" smtClean="0">
                  <a:latin typeface="Arial" pitchFamily="34" charset="0"/>
                  <a:cs typeface="Arial" pitchFamily="34" charset="0"/>
                </a:rPr>
                <a:t>РСЧС</a:t>
              </a:r>
              <a:endParaRPr lang="ru-RU" b="1" dirty="0">
                <a:latin typeface="Arial" pitchFamily="34" charset="0"/>
                <a:cs typeface="Arial" pitchFamily="34" charset="0"/>
              </a:endParaRPr>
            </a:p>
          </p:txBody>
        </p:sp>
        <p:sp>
          <p:nvSpPr>
            <p:cNvPr id="76" name="文本框 113"/>
            <p:cNvSpPr txBox="1"/>
            <p:nvPr/>
          </p:nvSpPr>
          <p:spPr>
            <a:xfrm>
              <a:off x="1490406" y="2024626"/>
              <a:ext cx="2571643" cy="30784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l"/>
              <a:endParaRPr lang="zh-CN" altLang="en-US" sz="1400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微软雅黑" panose="020B0503020204020204" pitchFamily="34" charset="-122"/>
                <a:cs typeface="Arial" pitchFamily="34" charset="0"/>
              </a:endParaRPr>
            </a:p>
          </p:txBody>
        </p:sp>
      </p:grpSp>
      <p:grpSp>
        <p:nvGrpSpPr>
          <p:cNvPr id="8" name="组合 49"/>
          <p:cNvGrpSpPr/>
          <p:nvPr/>
        </p:nvGrpSpPr>
        <p:grpSpPr>
          <a:xfrm>
            <a:off x="285720" y="2857496"/>
            <a:ext cx="807498" cy="853646"/>
            <a:chOff x="3544980" y="2862763"/>
            <a:chExt cx="1603168" cy="1802941"/>
          </a:xfrm>
          <a:effectLst/>
        </p:grpSpPr>
        <p:sp>
          <p:nvSpPr>
            <p:cNvPr id="79" name="任意多边形 23"/>
            <p:cNvSpPr>
              <a:spLocks/>
            </p:cNvSpPr>
            <p:nvPr/>
          </p:nvSpPr>
          <p:spPr bwMode="auto">
            <a:xfrm rot="16200000">
              <a:off x="3457373" y="3172312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7030A0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FFB850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9" name="组合 58"/>
            <p:cNvGrpSpPr/>
            <p:nvPr/>
          </p:nvGrpSpPr>
          <p:grpSpPr>
            <a:xfrm>
              <a:off x="3544980" y="2862763"/>
              <a:ext cx="1603168" cy="1802941"/>
              <a:chOff x="3544980" y="2862763"/>
              <a:chExt cx="1603168" cy="1802941"/>
            </a:xfrm>
          </p:grpSpPr>
          <p:sp>
            <p:nvSpPr>
              <p:cNvPr id="81" name="Freeform 5"/>
              <p:cNvSpPr>
                <a:spLocks/>
              </p:cNvSpPr>
              <p:nvPr/>
            </p:nvSpPr>
            <p:spPr bwMode="auto">
              <a:xfrm rot="16200000">
                <a:off x="3443351" y="2964392"/>
                <a:ext cx="1787565" cy="1584308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83" name="Freeform 5"/>
              <p:cNvSpPr>
                <a:spLocks/>
              </p:cNvSpPr>
              <p:nvPr/>
            </p:nvSpPr>
            <p:spPr bwMode="auto">
              <a:xfrm rot="16200000">
                <a:off x="3462214" y="2979770"/>
                <a:ext cx="1787562" cy="1584306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 sz="1000" dirty="0">
                  <a:solidFill>
                    <a:prstClr val="black"/>
                  </a:solidFill>
                  <a:latin typeface="Roboto Black" panose="02000000000000000000" pitchFamily="2" charset="0"/>
                  <a:cs typeface="Arial" pitchFamily="34" charset="0"/>
                </a:endParaRPr>
              </a:p>
            </p:txBody>
          </p:sp>
          <p:sp>
            <p:nvSpPr>
              <p:cNvPr id="84" name="文本框 64"/>
              <p:cNvSpPr txBox="1"/>
              <p:nvPr/>
            </p:nvSpPr>
            <p:spPr>
              <a:xfrm>
                <a:off x="3919014" y="3337023"/>
                <a:ext cx="945077" cy="11050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ru-RU" altLang="zh-CN" sz="2800" dirty="0" smtClean="0">
                    <a:solidFill>
                      <a:srgbClr val="7030A0"/>
                    </a:solidFill>
                    <a:latin typeface="Roboto Black" panose="02000000000000000000" pitchFamily="2" charset="0"/>
                    <a:ea typeface="LiHei Pro" panose="020B0500000000000000" pitchFamily="34" charset="-122"/>
                    <a:cs typeface="Arial" pitchFamily="34" charset="0"/>
                  </a:rPr>
                  <a:t>6</a:t>
                </a:r>
                <a:endParaRPr lang="zh-CN" altLang="en-US" sz="2800" dirty="0">
                  <a:solidFill>
                    <a:srgbClr val="7030A0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  <p:sp>
            <p:nvSpPr>
              <p:cNvPr id="82" name="椭圆 8"/>
              <p:cNvSpPr/>
              <p:nvPr/>
            </p:nvSpPr>
            <p:spPr>
              <a:xfrm rot="20000116">
                <a:off x="3692606" y="2870683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prstClr val="white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</p:grpSp>
      </p:grpSp>
      <p:grpSp>
        <p:nvGrpSpPr>
          <p:cNvPr id="10" name="组合 40"/>
          <p:cNvGrpSpPr/>
          <p:nvPr/>
        </p:nvGrpSpPr>
        <p:grpSpPr>
          <a:xfrm>
            <a:off x="1429295" y="2428871"/>
            <a:ext cx="7714707" cy="3139323"/>
            <a:chOff x="347857" y="2636540"/>
            <a:chExt cx="3173017" cy="2286475"/>
          </a:xfrm>
        </p:grpSpPr>
        <p:sp>
          <p:nvSpPr>
            <p:cNvPr id="86" name="文本框 76"/>
            <p:cNvSpPr txBox="1"/>
            <p:nvPr/>
          </p:nvSpPr>
          <p:spPr>
            <a:xfrm>
              <a:off x="347857" y="2636540"/>
              <a:ext cx="3173017" cy="22864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 sz="2000">
                  <a:solidFill>
                    <a:schemeClr val="tx1">
                      <a:lumMod val="95000"/>
                      <a:lumOff val="5000"/>
                    </a:schemeClr>
                  </a:solidFill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r>
                <a:rPr lang="ru-RU" sz="1800" b="1" dirty="0" smtClean="0">
                  <a:latin typeface="Arial" pitchFamily="34" charset="0"/>
                  <a:cs typeface="Arial" pitchFamily="34" charset="0"/>
                </a:rPr>
                <a:t>дежурных (дежурно-диспетчерских) служб организаций, эксплуатирующих расположенные на территории Липецкой области опасные производственные объекты I и II классов опасности, особо </a:t>
              </a:r>
              <a:r>
                <a:rPr lang="ru-RU" sz="1800" b="1" dirty="0" err="1" smtClean="0">
                  <a:latin typeface="Arial" pitchFamily="34" charset="0"/>
                  <a:cs typeface="Arial" pitchFamily="34" charset="0"/>
                </a:rPr>
                <a:t>радиационно</a:t>
              </a:r>
              <a:r>
                <a:rPr lang="ru-RU" sz="1800" b="1" dirty="0" smtClean="0">
                  <a:latin typeface="Arial" pitchFamily="34" charset="0"/>
                  <a:cs typeface="Arial" pitchFamily="34" charset="0"/>
                </a:rPr>
                <a:t> опасные и </a:t>
              </a:r>
              <a:r>
                <a:rPr lang="ru-RU" sz="1800" b="1" dirty="0" err="1" smtClean="0">
                  <a:latin typeface="Arial" pitchFamily="34" charset="0"/>
                  <a:cs typeface="Arial" pitchFamily="34" charset="0"/>
                </a:rPr>
                <a:t>ядерно</a:t>
              </a:r>
              <a:r>
                <a:rPr lang="ru-RU" sz="1800" b="1" dirty="0" smtClean="0">
                  <a:latin typeface="Arial" pitchFamily="34" charset="0"/>
                  <a:cs typeface="Arial" pitchFamily="34" charset="0"/>
                </a:rPr>
                <a:t> опасные производства и объекты, последствия аварий, на которых могут причинять вред жизни и здоровью населения, проживающего или осуществляющего хозяйственную деятельность в зонах воздействия поражающих факторов за пределами их территорий, гидротехнические сооружения чрезвычайно высокой опасности и гидротехнические сооружения высокой опасности</a:t>
              </a:r>
              <a:endParaRPr lang="ru-RU" sz="1800" b="1" dirty="0">
                <a:solidFill>
                  <a:srgbClr val="C00000"/>
                </a:solidFill>
                <a:latin typeface="Arial" pitchFamily="34" charset="0"/>
                <a:ea typeface="Roboto Black" pitchFamily="2" charset="0"/>
                <a:cs typeface="Arial" pitchFamily="34" charset="0"/>
              </a:endParaRPr>
            </a:p>
          </p:txBody>
        </p:sp>
        <p:sp>
          <p:nvSpPr>
            <p:cNvPr id="87" name="文本框 113"/>
            <p:cNvSpPr txBox="1"/>
            <p:nvPr/>
          </p:nvSpPr>
          <p:spPr>
            <a:xfrm>
              <a:off x="978373" y="3212341"/>
              <a:ext cx="2323116" cy="268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endParaRPr lang="zh-CN" altLang="en-US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</a:endParaRPr>
            </a:p>
          </p:txBody>
        </p:sp>
      </p:grpSp>
      <p:sp>
        <p:nvSpPr>
          <p:cNvPr id="109" name="文本框 113"/>
          <p:cNvSpPr txBox="1"/>
          <p:nvPr/>
        </p:nvSpPr>
        <p:spPr>
          <a:xfrm>
            <a:off x="2502386" y="4802806"/>
            <a:ext cx="564830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r">
              <a:defRPr>
                <a:latin typeface="Roboto" pitchFamily="2" charset="0"/>
                <a:ea typeface="Roboto" pitchFamily="2" charset="0"/>
              </a:defRPr>
            </a:lvl1pPr>
          </a:lstStyle>
          <a:p>
            <a:pPr algn="l"/>
            <a:endParaRPr lang="zh-CN" altLang="en-US" dirty="0">
              <a:solidFill>
                <a:schemeClr val="tx1">
                  <a:lumMod val="95000"/>
                  <a:lumOff val="5000"/>
                </a:schemeClr>
              </a:solidFill>
              <a:latin typeface="Roboto Medium" pitchFamily="2" charset="0"/>
            </a:endParaRPr>
          </a:p>
        </p:txBody>
      </p:sp>
      <p:grpSp>
        <p:nvGrpSpPr>
          <p:cNvPr id="15" name="组合 40"/>
          <p:cNvGrpSpPr/>
          <p:nvPr/>
        </p:nvGrpSpPr>
        <p:grpSpPr>
          <a:xfrm>
            <a:off x="1418492" y="5715014"/>
            <a:ext cx="7725509" cy="659955"/>
            <a:chOff x="396624" y="3339384"/>
            <a:chExt cx="3187518" cy="480668"/>
          </a:xfrm>
        </p:grpSpPr>
        <p:sp>
          <p:nvSpPr>
            <p:cNvPr id="128" name="文本框 76"/>
            <p:cNvSpPr txBox="1"/>
            <p:nvPr/>
          </p:nvSpPr>
          <p:spPr>
            <a:xfrm>
              <a:off x="396624" y="3339384"/>
              <a:ext cx="3187518" cy="268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 sz="2000">
                  <a:solidFill>
                    <a:schemeClr val="tx1">
                      <a:lumMod val="95000"/>
                      <a:lumOff val="5000"/>
                    </a:schemeClr>
                  </a:solidFill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r>
                <a:rPr lang="ru-RU" sz="1800" b="1" dirty="0" smtClean="0">
                  <a:latin typeface="Arial" pitchFamily="34" charset="0"/>
                  <a:cs typeface="Arial" pitchFamily="34" charset="0"/>
                </a:rPr>
                <a:t>людей, находящихся на территории Липецкой области </a:t>
              </a:r>
              <a:endParaRPr lang="ru-RU" sz="1800" b="1" dirty="0">
                <a:solidFill>
                  <a:schemeClr val="tx1"/>
                </a:solidFill>
                <a:latin typeface="Arial" pitchFamily="34" charset="0"/>
                <a:ea typeface="Roboto Medium" pitchFamily="2" charset="0"/>
                <a:cs typeface="Arial" pitchFamily="34" charset="0"/>
              </a:endParaRPr>
            </a:p>
          </p:txBody>
        </p:sp>
        <p:sp>
          <p:nvSpPr>
            <p:cNvPr id="132" name="文本框 113"/>
            <p:cNvSpPr txBox="1"/>
            <p:nvPr/>
          </p:nvSpPr>
          <p:spPr>
            <a:xfrm>
              <a:off x="863608" y="3551055"/>
              <a:ext cx="2323116" cy="268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endParaRPr lang="zh-CN" altLang="en-US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</a:endParaRPr>
            </a:p>
          </p:txBody>
        </p:sp>
      </p:grpSp>
      <p:sp>
        <p:nvSpPr>
          <p:cNvPr id="4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70565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10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4653 0.14005 C 0.87378 0.09143 0.82569 -0.00139 0.72882 -0.00579 C 0.63177 -0.00995 0.37517 0.11805 0.28003 0.11458 C 0.18507 0.11111 0.02135 0.06944 2.5E-6 -0.00185 " pathEditMode="relative" rAng="0" ptsTypes="AAAA">
                                      <p:cBhvr>
                                        <p:cTn id="14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7326" y="-7315"/>
                                    </p:animMotion>
                                  </p:childTnLst>
                                </p:cTn>
                              </p:par>
                              <p:par>
                                <p:cTn id="1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6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7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32" presetClass="emph" presetSubtype="0" repeatCount="3000" fill="hold" nodeType="withEffect">
                                  <p:stCondLst>
                                    <p:cond delay="1250"/>
                                  </p:stCondLst>
                                  <p:childTnLst>
                                    <p:animRot by="120000">
                                      <p:cBhvr>
                                        <p:cTn id="22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3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4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5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6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7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3000"/>
                            </p:stCondLst>
                            <p:childTnLst>
                              <p:par>
                                <p:cTn id="3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6823 0.1926 C 0.89375 0.12639 0.84479 -2.59259E-6 0.74566 -0.00555 C 0.64618 -0.01134 0.38386 0.16273 0.28646 0.15787 C 0.18941 0.15324 0.02188 0.09653 -8.33333E-7 -0.00046 " pathEditMode="relative" rAng="0" ptsTypes="AAAA">
                                      <p:cBhvr>
                                        <p:cTn id="35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8420" y="-9931"/>
                                    </p:animMotion>
                                  </p:childTnLst>
                                </p:cTn>
                              </p:par>
                              <p:par>
                                <p:cTn id="36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37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8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0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2" presetID="32" presetClass="emph" presetSubtype="0" repeatCount="3000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animRot by="120000">
                                      <p:cBhvr>
                                        <p:cTn id="43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4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5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6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7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48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5250"/>
                            </p:stCondLst>
                            <p:childTnLst>
                              <p:par>
                                <p:cTn id="52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6823 0.19259 C 0.89376 0.12639 0.8448 2.96296E-6 0.74566 -0.00556 C 0.64619 -0.01135 0.38386 0.16273 0.28646 0.15787 C 0.18941 0.15324 0.02188 0.09652 5E-6 -0.00047 " pathEditMode="relative" rAng="0" ptsTypes="AAAA">
                                      <p:cBhvr>
                                        <p:cTn id="56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8420" y="-9931"/>
                                    </p:animMotion>
                                  </p:childTnLst>
                                </p:cTn>
                              </p:par>
                              <p:par>
                                <p:cTn id="57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58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59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1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2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63" presetID="32" presetClass="emph" presetSubtype="0" repeatCount="3000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animRot by="120000">
                                      <p:cBhvr>
                                        <p:cTn id="64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65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66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67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68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69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017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5909310"/>
          </a:xfrm>
          <a:prstGeom prst="rect">
            <a:avLst/>
          </a:prstGeom>
          <a:solidFill>
            <a:srgbClr val="FFFFFF"/>
          </a:solidFill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Основное назначение системы оповещения - это предупреждение людей об угрозе или возникновении чрезвычайной ситуации природного и техногенного характера, а также координация их действий при осуществлении эвакуации.</a:t>
            </a:r>
            <a:r>
              <a:rPr lang="ru-RU" b="1" dirty="0">
                <a:solidFill>
                  <a:schemeClr val="tx1"/>
                </a:solidFill>
                <a:latin typeface="Arial" pitchFamily="34" charset="0"/>
                <a:ea typeface="Times New Roman" pitchFamily="18" charset="0"/>
                <a:cs typeface="Arial" pitchFamily="34" charset="0"/>
              </a:rPr>
              <a:t>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Оповещение населения о чрезвычайных ситуациях осуществляется силами органов повседневного управления единой государственной системы предупреждения и ликвидации чрезвычайных ситуаций с использованием различных специально созданных технических устройств путем доведения до населения сигналов оповещения и экстренной информации об опасностях, возникающих при угрозе возникновения или возникновении чрезвычайных ситуаций, а также при ведении военных действий или вследствие этих действий, о правилах поведения населения и необходимости проведения мероприятий по защите.</a:t>
            </a:r>
            <a:r>
              <a:rPr kumimoji="0" lang="ru-RU" b="1" i="1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 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      Региональная автоматизированная система централизованного оповещения населения Липецкой области (РАСЦО)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монтирована на базе аппаратуры П-157, П-160, П-162, П-164, П-166 с использованием передатчиков звукового сопровождения телевидения, передатчиков УКВ ЧМ радиовещания филиала РТРС «Липецкий ОРТПЦ» и ВГТРК «ГТРК Липецк», каналов сети связи Липецкого филиала ОАО «</a:t>
            </a:r>
            <a:r>
              <a:rPr kumimoji="0" lang="ru-RU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Ростелеком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» и обеспечивает доведение сигналов управления и оповещения до руководящего состава и населения области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13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3" name="Rectangle 4"/>
          <p:cNvSpPr>
            <a:spLocks noChangeArrowheads="1"/>
          </p:cNvSpPr>
          <p:nvPr/>
        </p:nvSpPr>
        <p:spPr bwMode="auto">
          <a:xfrm>
            <a:off x="3357554" y="1643050"/>
            <a:ext cx="5786446" cy="120032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r>
              <a:rPr lang="ru-RU" dirty="0" smtClean="0">
                <a:solidFill>
                  <a:srgbClr val="C00000"/>
                </a:solidFill>
                <a:latin typeface="Roboto Medium" pitchFamily="2" charset="0"/>
                <a:ea typeface="Roboto Medium" pitchFamily="2" charset="0"/>
              </a:rPr>
              <a:t>2018 г.</a:t>
            </a:r>
            <a:r>
              <a:rPr lang="ru-RU" dirty="0" smtClean="0">
                <a:solidFill>
                  <a:srgbClr val="000000"/>
                </a:solidFill>
                <a:latin typeface="Roboto Medium" pitchFamily="2" charset="0"/>
                <a:ea typeface="Roboto Medium" pitchFamily="2" charset="0"/>
              </a:rPr>
              <a:t>  </a:t>
            </a:r>
            <a:r>
              <a:rPr lang="ru-RU" dirty="0"/>
              <a:t>реконструированы более 70 точек системы </a:t>
            </a:r>
            <a:r>
              <a:rPr lang="ru-RU" dirty="0" smtClean="0"/>
              <a:t>оповещения, во </a:t>
            </a:r>
            <a:r>
              <a:rPr lang="ru-RU" dirty="0"/>
              <a:t>всех ЕДДС Липецкой области </a:t>
            </a:r>
            <a:r>
              <a:rPr lang="ru-RU" dirty="0" smtClean="0"/>
              <a:t>установлены </a:t>
            </a:r>
            <a:r>
              <a:rPr lang="ru-RU" dirty="0"/>
              <a:t>новые блоки управления </a:t>
            </a:r>
            <a:r>
              <a:rPr lang="ru-RU" dirty="0" smtClean="0"/>
              <a:t> </a:t>
            </a:r>
            <a:r>
              <a:rPr lang="ru-RU" dirty="0"/>
              <a:t>для запуска системы оповещения в </a:t>
            </a:r>
            <a:r>
              <a:rPr lang="ru-RU" dirty="0" smtClean="0"/>
              <a:t> районах области</a:t>
            </a:r>
            <a:endParaRPr lang="en-US" dirty="0">
              <a:solidFill>
                <a:srgbClr val="000000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14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72805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 txBox="1">
            <a:spLocks noGrp="1"/>
          </p:cNvSpPr>
          <p:nvPr>
            <p:ph type="title"/>
          </p:nvPr>
        </p:nvSpPr>
        <p:spPr>
          <a:xfrm>
            <a:off x="221208" y="34959"/>
            <a:ext cx="891200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>
              <a:spcBef>
                <a:spcPts val="53"/>
              </a:spcBef>
            </a:pPr>
            <a:r>
              <a:rPr lang="ru-RU" b="1" cap="all" spc="-10" dirty="0" smtClean="0">
                <a:latin typeface="Roboto" pitchFamily="2" charset="0"/>
                <a:ea typeface="Roboto" pitchFamily="2" charset="0"/>
              </a:rPr>
              <a:t>Вопрос 1</a:t>
            </a:r>
            <a:endParaRPr lang="ru-RU" b="1" cap="all" spc="-10" dirty="0">
              <a:latin typeface="Roboto" pitchFamily="2" charset="0"/>
              <a:ea typeface="Roboto" pitchFamily="2" charset="0"/>
            </a:endParaRPr>
          </a:p>
        </p:txBody>
      </p:sp>
      <p:sp>
        <p:nvSpPr>
          <p:cNvPr id="16" name="object 5"/>
          <p:cNvSpPr/>
          <p:nvPr/>
        </p:nvSpPr>
        <p:spPr>
          <a:xfrm>
            <a:off x="8181752" y="5957248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610600" y="6526064"/>
            <a:ext cx="501294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14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114" name="Rectangle 5"/>
          <p:cNvSpPr>
            <a:spLocks noChangeArrowheads="1"/>
          </p:cNvSpPr>
          <p:nvPr/>
        </p:nvSpPr>
        <p:spPr bwMode="auto">
          <a:xfrm>
            <a:off x="3954463" y="2786058"/>
            <a:ext cx="5189537" cy="92333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r>
              <a:rPr kumimoji="0" lang="ru-RU" b="0" i="0" u="none" strike="noStrike" kern="0" cap="none" spc="0" normalizeH="0" baseline="0" noProof="0" dirty="0" smtClean="0">
                <a:ln>
                  <a:noFill/>
                </a:ln>
                <a:solidFill>
                  <a:srgbClr val="C00000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2019 г.</a:t>
            </a:r>
            <a:r>
              <a:rPr kumimoji="0" lang="ru-RU" b="0" i="0" u="none" strike="noStrike" kern="0" cap="none" spc="0" normalizeH="0" baseline="0" noProof="0" dirty="0" smtClean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  </a:t>
            </a:r>
            <a:r>
              <a:rPr lang="ru-RU" dirty="0"/>
              <a:t>реконструированы 88 существующих точек оповещения, установлено 70 новых точек оповещения </a:t>
            </a:r>
            <a:endParaRPr lang="en-US" dirty="0">
              <a:solidFill>
                <a:srgbClr val="000000"/>
              </a:solidFill>
            </a:endParaRPr>
          </a:p>
        </p:txBody>
      </p:sp>
      <p:sp>
        <p:nvSpPr>
          <p:cNvPr id="115" name="Rectangle 6"/>
          <p:cNvSpPr>
            <a:spLocks noChangeArrowheads="1"/>
          </p:cNvSpPr>
          <p:nvPr/>
        </p:nvSpPr>
        <p:spPr bwMode="auto">
          <a:xfrm>
            <a:off x="4217988" y="3714752"/>
            <a:ext cx="4926012" cy="92333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r>
              <a:rPr kumimoji="0" lang="ru-RU" b="0" i="0" u="none" strike="noStrike" kern="0" cap="none" spc="0" normalizeH="0" baseline="0" noProof="0" dirty="0" smtClean="0">
                <a:ln>
                  <a:noFill/>
                </a:ln>
                <a:solidFill>
                  <a:srgbClr val="C00000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2021г.</a:t>
            </a:r>
            <a:r>
              <a:rPr kumimoji="0" lang="ru-RU" b="0" i="0" u="none" strike="noStrike" kern="0" cap="none" spc="0" normalizeH="0" baseline="0" noProof="0" dirty="0" smtClean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  </a:t>
            </a:r>
            <a:r>
              <a:rPr lang="ru-RU" dirty="0" smtClean="0"/>
              <a:t>система </a:t>
            </a:r>
            <a:r>
              <a:rPr lang="ru-RU" dirty="0"/>
              <a:t>прошла глубокую </a:t>
            </a:r>
            <a:r>
              <a:rPr lang="ru-RU" dirty="0" smtClean="0"/>
              <a:t>модернизацию, новые камеры, сопряжение </a:t>
            </a:r>
            <a:r>
              <a:rPr lang="ru-RU" dirty="0"/>
              <a:t>с системой “</a:t>
            </a:r>
            <a:r>
              <a:rPr lang="ru-RU" dirty="0" smtClean="0"/>
              <a:t>РАСЦО”</a:t>
            </a:r>
            <a:endParaRPr lang="en-US" dirty="0">
              <a:solidFill>
                <a:srgbClr val="000000"/>
              </a:solidFill>
            </a:endParaRPr>
          </a:p>
        </p:txBody>
      </p:sp>
      <p:sp>
        <p:nvSpPr>
          <p:cNvPr id="116" name="Rectangle 7"/>
          <p:cNvSpPr>
            <a:spLocks noChangeArrowheads="1"/>
          </p:cNvSpPr>
          <p:nvPr/>
        </p:nvSpPr>
        <p:spPr bwMode="auto">
          <a:xfrm>
            <a:off x="4049713" y="4585728"/>
            <a:ext cx="4829175" cy="92333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r>
              <a:rPr kumimoji="0" lang="ru-RU" b="0" i="0" u="none" strike="noStrike" kern="0" cap="none" spc="0" normalizeH="0" baseline="0" noProof="0" dirty="0" smtClean="0">
                <a:ln>
                  <a:noFill/>
                </a:ln>
                <a:solidFill>
                  <a:srgbClr val="C00000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2021 г.</a:t>
            </a:r>
            <a:r>
              <a:rPr kumimoji="0" lang="ru-RU" b="0" i="0" u="none" strike="noStrike" kern="0" cap="none" spc="0" normalizeH="0" baseline="0" noProof="0" dirty="0" smtClean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 </a:t>
            </a:r>
            <a:r>
              <a:rPr lang="ru-RU" dirty="0"/>
              <a:t>установлено 55 новых оконечных точек оповещения с рупорными </a:t>
            </a:r>
            <a:r>
              <a:rPr lang="ru-RU" dirty="0" smtClean="0"/>
              <a:t>громкоговорителями</a:t>
            </a:r>
            <a:endParaRPr lang="en-US" dirty="0">
              <a:solidFill>
                <a:srgbClr val="000000"/>
              </a:solidFill>
            </a:endParaRPr>
          </a:p>
        </p:txBody>
      </p:sp>
      <p:sp>
        <p:nvSpPr>
          <p:cNvPr id="117" name="Rectangle 8"/>
          <p:cNvSpPr>
            <a:spLocks noChangeArrowheads="1"/>
          </p:cNvSpPr>
          <p:nvPr/>
        </p:nvSpPr>
        <p:spPr bwMode="auto">
          <a:xfrm>
            <a:off x="3357554" y="5500702"/>
            <a:ext cx="5786446" cy="92333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r>
              <a:rPr kumimoji="0" lang="ru-RU" b="0" i="0" u="none" strike="noStrike" kern="0" cap="none" spc="0" normalizeH="0" baseline="0" noProof="0" dirty="0" smtClean="0">
                <a:ln>
                  <a:noFill/>
                </a:ln>
                <a:solidFill>
                  <a:srgbClr val="C00000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2022 г. </a:t>
            </a:r>
            <a:r>
              <a:rPr lang="ru-RU" dirty="0"/>
              <a:t>заключен контракт на установку 130 новых оконечных точек оповещения </a:t>
            </a:r>
            <a:r>
              <a:rPr lang="ru-RU" dirty="0" smtClean="0"/>
              <a:t>с рупорными громкоговорителями</a:t>
            </a:r>
            <a:endParaRPr lang="en-US" dirty="0">
              <a:solidFill>
                <a:srgbClr val="000000"/>
              </a:solidFill>
            </a:endParaRPr>
          </a:p>
        </p:txBody>
      </p:sp>
      <p:grpSp>
        <p:nvGrpSpPr>
          <p:cNvPr id="118" name="Group 9"/>
          <p:cNvGrpSpPr>
            <a:grpSpLocks/>
          </p:cNvGrpSpPr>
          <p:nvPr/>
        </p:nvGrpSpPr>
        <p:grpSpPr bwMode="auto">
          <a:xfrm rot="4976862" flipH="1">
            <a:off x="2869839" y="2095904"/>
            <a:ext cx="323850" cy="311150"/>
            <a:chOff x="1944" y="1111"/>
            <a:chExt cx="204" cy="196"/>
          </a:xfrm>
        </p:grpSpPr>
        <p:pic>
          <p:nvPicPr>
            <p:cNvPr id="119" name="Picture 10" descr="circuler_1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gray">
            <a:xfrm flipH="1">
              <a:off x="1961" y="1124"/>
              <a:ext cx="174" cy="172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20" name="Oval 11"/>
            <p:cNvSpPr>
              <a:spLocks noChangeArrowheads="1"/>
            </p:cNvSpPr>
            <p:nvPr/>
          </p:nvSpPr>
          <p:spPr bwMode="gray">
            <a:xfrm flipH="1">
              <a:off x="1962" y="1124"/>
              <a:ext cx="173" cy="172"/>
            </a:xfrm>
            <a:prstGeom prst="ellipse">
              <a:avLst/>
            </a:prstGeom>
            <a:gradFill rotWithShape="1">
              <a:gsLst>
                <a:gs pos="0">
                  <a:srgbClr val="FFFF00">
                    <a:gamma/>
                    <a:shade val="46275"/>
                    <a:invGamma/>
                  </a:srgbClr>
                </a:gs>
                <a:gs pos="50000">
                  <a:srgbClr val="FFFF00">
                    <a:alpha val="50000"/>
                  </a:srgbClr>
                </a:gs>
                <a:gs pos="100000">
                  <a:srgbClr val="FFFF00">
                    <a:gamma/>
                    <a:shade val="46275"/>
                    <a:invGamma/>
                  </a:srgbClr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round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grpSp>
          <p:nvGrpSpPr>
            <p:cNvPr id="121" name="Group 12"/>
            <p:cNvGrpSpPr>
              <a:grpSpLocks/>
            </p:cNvGrpSpPr>
            <p:nvPr/>
          </p:nvGrpSpPr>
          <p:grpSpPr bwMode="auto">
            <a:xfrm rot="1297425" flipV="1">
              <a:off x="1971" y="1258"/>
              <a:ext cx="151" cy="37"/>
              <a:chOff x="2532" y="1051"/>
              <a:chExt cx="893" cy="246"/>
            </a:xfrm>
          </p:grpSpPr>
          <p:grpSp>
            <p:nvGrpSpPr>
              <p:cNvPr id="124" name="Group 13"/>
              <p:cNvGrpSpPr>
                <a:grpSpLocks/>
              </p:cNvGrpSpPr>
              <p:nvPr/>
            </p:nvGrpSpPr>
            <p:grpSpPr bwMode="auto">
              <a:xfrm>
                <a:off x="2532" y="1051"/>
                <a:ext cx="743" cy="185"/>
                <a:chOff x="1565" y="2568"/>
                <a:chExt cx="1118" cy="279"/>
              </a:xfrm>
            </p:grpSpPr>
            <p:sp>
              <p:nvSpPr>
                <p:cNvPr id="130" name="AutoShape 14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31" name="AutoShape 15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32" name="AutoShape 16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33" name="AutoShape 17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  <p:grpSp>
            <p:nvGrpSpPr>
              <p:cNvPr id="125" name="Group 18"/>
              <p:cNvGrpSpPr>
                <a:grpSpLocks/>
              </p:cNvGrpSpPr>
              <p:nvPr/>
            </p:nvGrpSpPr>
            <p:grpSpPr bwMode="auto">
              <a:xfrm rot="1353540">
                <a:off x="2682" y="1111"/>
                <a:ext cx="743" cy="186"/>
                <a:chOff x="1565" y="2568"/>
                <a:chExt cx="1118" cy="279"/>
              </a:xfrm>
            </p:grpSpPr>
            <p:sp>
              <p:nvSpPr>
                <p:cNvPr id="126" name="AutoShape 19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27" name="AutoShape 20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28" name="AutoShape 21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29" name="AutoShape 22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</p:grpSp>
        <p:sp>
          <p:nvSpPr>
            <p:cNvPr id="122" name="Arc 23"/>
            <p:cNvSpPr>
              <a:spLocks/>
            </p:cNvSpPr>
            <p:nvPr/>
          </p:nvSpPr>
          <p:spPr bwMode="gray">
            <a:xfrm rot="25447716">
              <a:off x="1948" y="1107"/>
              <a:ext cx="196" cy="204"/>
            </a:xfrm>
            <a:custGeom>
              <a:avLst/>
              <a:gdLst>
                <a:gd name="G0" fmla="+- 21600 0 0"/>
                <a:gd name="G1" fmla="+- 21600 0 0"/>
                <a:gd name="G2" fmla="+- 21600 0 0"/>
                <a:gd name="T0" fmla="*/ 3603 w 43200"/>
                <a:gd name="T1" fmla="*/ 33545 h 43155"/>
                <a:gd name="T2" fmla="*/ 22996 w 43200"/>
                <a:gd name="T3" fmla="*/ 43155 h 43155"/>
                <a:gd name="T4" fmla="*/ 21600 w 43200"/>
                <a:gd name="T5" fmla="*/ 21600 h 4315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</a:cxnLst>
              <a:rect l="0" t="0" r="r" b="b"/>
              <a:pathLst>
                <a:path w="43200" h="43155" fill="none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</a:path>
                <a:path w="43200" h="43155" stroke="0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  <a:lnTo>
                    <a:pt x="21600" y="21600"/>
                  </a:lnTo>
                  <a:close/>
                </a:path>
              </a:pathLst>
            </a:custGeom>
            <a:noFill/>
            <a:ln w="12700">
              <a:solidFill>
                <a:srgbClr val="000000"/>
              </a:solidFill>
              <a:prstDash val="sysDot"/>
              <a:round/>
              <a:headEnd/>
              <a:tailEnd type="triangle" w="sm" len="sm"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66CC"/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pic>
          <p:nvPicPr>
            <p:cNvPr id="123" name="Picture 24" descr="light_shadow1"/>
            <p:cNvPicPr>
              <a:picLocks noChangeAspect="1" noChangeArrowheads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23740"/>
            <a:stretch>
              <a:fillRect/>
            </a:stretch>
          </p:blipFill>
          <p:spPr bwMode="gray">
            <a:xfrm rot="2569845" flipH="1">
              <a:off x="2015" y="1139"/>
              <a:ext cx="129" cy="84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134" name="Group 25"/>
          <p:cNvGrpSpPr>
            <a:grpSpLocks/>
          </p:cNvGrpSpPr>
          <p:nvPr/>
        </p:nvGrpSpPr>
        <p:grpSpPr bwMode="auto">
          <a:xfrm flipH="1">
            <a:off x="0" y="2428868"/>
            <a:ext cx="3438525" cy="3429000"/>
            <a:chOff x="1955" y="1224"/>
            <a:chExt cx="1911" cy="1911"/>
          </a:xfrm>
        </p:grpSpPr>
        <p:sp>
          <p:nvSpPr>
            <p:cNvPr id="135" name="Oval 26"/>
            <p:cNvSpPr>
              <a:spLocks noChangeArrowheads="1"/>
            </p:cNvSpPr>
            <p:nvPr/>
          </p:nvSpPr>
          <p:spPr bwMode="gray">
            <a:xfrm>
              <a:off x="1955" y="1224"/>
              <a:ext cx="1911" cy="1911"/>
            </a:xfrm>
            <a:prstGeom prst="ellipse">
              <a:avLst/>
            </a:prstGeom>
            <a:noFill/>
            <a:ln w="12700" algn="ctr">
              <a:solidFill>
                <a:srgbClr val="A6B0DA">
                  <a:alpha val="50000"/>
                </a:srgbClr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66">
                      <a:alpha val="50000"/>
                    </a:srgbClr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A6B0DA">
                        <a:gamma/>
                        <a:shade val="60000"/>
                        <a:invGamma/>
                      </a:srgbClr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136" name="Oval 27"/>
            <p:cNvSpPr>
              <a:spLocks noChangeArrowheads="1"/>
            </p:cNvSpPr>
            <p:nvPr/>
          </p:nvSpPr>
          <p:spPr bwMode="gray">
            <a:xfrm>
              <a:off x="2080" y="1355"/>
              <a:ext cx="1660" cy="1660"/>
            </a:xfrm>
            <a:prstGeom prst="ellipse">
              <a:avLst/>
            </a:prstGeom>
            <a:noFill/>
            <a:ln w="28575" algn="ctr">
              <a:solidFill>
                <a:srgbClr val="A6B0DA">
                  <a:alpha val="50000"/>
                </a:srgbClr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66">
                      <a:alpha val="50000"/>
                    </a:srgbClr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A6B0DA">
                        <a:gamma/>
                        <a:shade val="60000"/>
                        <a:invGamma/>
                      </a:srgbClr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137" name="Oval 28"/>
            <p:cNvSpPr>
              <a:spLocks noChangeArrowheads="1"/>
            </p:cNvSpPr>
            <p:nvPr/>
          </p:nvSpPr>
          <p:spPr bwMode="gray">
            <a:xfrm>
              <a:off x="2218" y="1499"/>
              <a:ext cx="1396" cy="1396"/>
            </a:xfrm>
            <a:prstGeom prst="ellipse">
              <a:avLst/>
            </a:prstGeom>
            <a:noFill/>
            <a:ln w="38100" algn="ctr">
              <a:solidFill>
                <a:srgbClr val="A6B0DA">
                  <a:alpha val="50000"/>
                </a:srgbClr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66">
                      <a:alpha val="50000"/>
                    </a:srgbClr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A6B0DA">
                        <a:gamma/>
                        <a:shade val="60000"/>
                        <a:invGamma/>
                      </a:srgbClr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138" name="Oval 29"/>
            <p:cNvSpPr>
              <a:spLocks noChangeArrowheads="1"/>
            </p:cNvSpPr>
            <p:nvPr/>
          </p:nvSpPr>
          <p:spPr bwMode="gray">
            <a:xfrm>
              <a:off x="2338" y="1643"/>
              <a:ext cx="1132" cy="1132"/>
            </a:xfrm>
            <a:prstGeom prst="ellipse">
              <a:avLst/>
            </a:prstGeom>
            <a:noFill/>
            <a:ln w="57150" algn="ctr">
              <a:solidFill>
                <a:srgbClr val="A6B0DA">
                  <a:alpha val="50000"/>
                </a:srgbClr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66">
                      <a:alpha val="50000"/>
                    </a:srgbClr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A6B0DA">
                        <a:gamma/>
                        <a:shade val="60000"/>
                        <a:invGamma/>
                      </a:srgbClr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139" name="Oval 30"/>
            <p:cNvSpPr>
              <a:spLocks noChangeArrowheads="1"/>
            </p:cNvSpPr>
            <p:nvPr/>
          </p:nvSpPr>
          <p:spPr bwMode="gray">
            <a:xfrm>
              <a:off x="2476" y="1781"/>
              <a:ext cx="868" cy="868"/>
            </a:xfrm>
            <a:prstGeom prst="ellipse">
              <a:avLst/>
            </a:prstGeom>
            <a:noFill/>
            <a:ln w="57150" algn="ctr">
              <a:solidFill>
                <a:srgbClr val="A6B0DA">
                  <a:alpha val="50000"/>
                </a:srgbClr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66">
                      <a:alpha val="50000"/>
                    </a:srgbClr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A6B0DA">
                        <a:gamma/>
                        <a:shade val="60000"/>
                        <a:invGamma/>
                      </a:srgbClr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140" name="Oval 31"/>
            <p:cNvSpPr>
              <a:spLocks noChangeArrowheads="1"/>
            </p:cNvSpPr>
            <p:nvPr/>
          </p:nvSpPr>
          <p:spPr bwMode="gray">
            <a:xfrm>
              <a:off x="2602" y="1901"/>
              <a:ext cx="616" cy="616"/>
            </a:xfrm>
            <a:prstGeom prst="ellipse">
              <a:avLst/>
            </a:prstGeom>
            <a:noFill/>
            <a:ln w="76200" algn="ctr">
              <a:solidFill>
                <a:srgbClr val="A6B0DA">
                  <a:alpha val="50000"/>
                </a:srgbClr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66">
                      <a:alpha val="50000"/>
                    </a:srgbClr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A6B0DA">
                        <a:gamma/>
                        <a:shade val="60000"/>
                        <a:invGamma/>
                      </a:srgbClr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141" name="Oval 32"/>
            <p:cNvSpPr>
              <a:spLocks noChangeArrowheads="1"/>
            </p:cNvSpPr>
            <p:nvPr/>
          </p:nvSpPr>
          <p:spPr bwMode="gray">
            <a:xfrm>
              <a:off x="2716" y="2021"/>
              <a:ext cx="388" cy="388"/>
            </a:xfrm>
            <a:prstGeom prst="ellipse">
              <a:avLst/>
            </a:prstGeom>
            <a:noFill/>
            <a:ln w="9525" algn="ctr">
              <a:solidFill>
                <a:srgbClr val="A6B0DA">
                  <a:alpha val="50000"/>
                </a:srgbClr>
              </a:solidFill>
              <a:round/>
              <a:headEnd/>
              <a:tailEnd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66">
                      <a:alpha val="50000"/>
                    </a:srgbClr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17961" dir="2700000" algn="ctr" rotWithShape="0">
                      <a:srgbClr val="A6B0DA">
                        <a:gamma/>
                        <a:shade val="60000"/>
                        <a:invGamma/>
                      </a:srgbClr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</p:grpSp>
      <p:pic>
        <p:nvPicPr>
          <p:cNvPr id="142" name="Picture 33" descr="worldmap_ani8"/>
          <p:cNvPicPr>
            <a:picLocks noChangeAspect="1" noChangeArrowheads="1" noCrop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gray">
          <a:xfrm>
            <a:off x="928662" y="3429000"/>
            <a:ext cx="1609725" cy="16129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143" name="Group 34"/>
          <p:cNvGrpSpPr>
            <a:grpSpLocks/>
          </p:cNvGrpSpPr>
          <p:nvPr/>
        </p:nvGrpSpPr>
        <p:grpSpPr bwMode="auto">
          <a:xfrm rot="4976862" flipH="1">
            <a:off x="3584222" y="3024597"/>
            <a:ext cx="323850" cy="311150"/>
            <a:chOff x="1944" y="1111"/>
            <a:chExt cx="204" cy="196"/>
          </a:xfrm>
        </p:grpSpPr>
        <p:pic>
          <p:nvPicPr>
            <p:cNvPr id="144" name="Picture 35" descr="circuler_1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gray">
            <a:xfrm flipH="1">
              <a:off x="1961" y="1124"/>
              <a:ext cx="174" cy="172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45" name="Oval 36"/>
            <p:cNvSpPr>
              <a:spLocks noChangeArrowheads="1"/>
            </p:cNvSpPr>
            <p:nvPr/>
          </p:nvSpPr>
          <p:spPr bwMode="gray">
            <a:xfrm flipH="1">
              <a:off x="1962" y="1124"/>
              <a:ext cx="173" cy="172"/>
            </a:xfrm>
            <a:prstGeom prst="ellipse">
              <a:avLst/>
            </a:prstGeom>
            <a:gradFill rotWithShape="1">
              <a:gsLst>
                <a:gs pos="0">
                  <a:srgbClr val="FFFF00">
                    <a:gamma/>
                    <a:shade val="46275"/>
                    <a:invGamma/>
                  </a:srgbClr>
                </a:gs>
                <a:gs pos="50000">
                  <a:srgbClr val="FFFF00">
                    <a:alpha val="50000"/>
                  </a:srgbClr>
                </a:gs>
                <a:gs pos="100000">
                  <a:srgbClr val="FFFF00">
                    <a:gamma/>
                    <a:shade val="46275"/>
                    <a:invGamma/>
                  </a:srgbClr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round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grpSp>
          <p:nvGrpSpPr>
            <p:cNvPr id="146" name="Group 37"/>
            <p:cNvGrpSpPr>
              <a:grpSpLocks/>
            </p:cNvGrpSpPr>
            <p:nvPr/>
          </p:nvGrpSpPr>
          <p:grpSpPr bwMode="auto">
            <a:xfrm rot="1297425" flipV="1">
              <a:off x="1971" y="1258"/>
              <a:ext cx="151" cy="37"/>
              <a:chOff x="2532" y="1051"/>
              <a:chExt cx="893" cy="246"/>
            </a:xfrm>
          </p:grpSpPr>
          <p:grpSp>
            <p:nvGrpSpPr>
              <p:cNvPr id="149" name="Group 38"/>
              <p:cNvGrpSpPr>
                <a:grpSpLocks/>
              </p:cNvGrpSpPr>
              <p:nvPr/>
            </p:nvGrpSpPr>
            <p:grpSpPr bwMode="auto">
              <a:xfrm>
                <a:off x="2532" y="1051"/>
                <a:ext cx="743" cy="185"/>
                <a:chOff x="1565" y="2568"/>
                <a:chExt cx="1118" cy="279"/>
              </a:xfrm>
            </p:grpSpPr>
            <p:sp>
              <p:nvSpPr>
                <p:cNvPr id="155" name="AutoShape 39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56" name="AutoShape 40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57" name="AutoShape 41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58" name="AutoShape 42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  <p:grpSp>
            <p:nvGrpSpPr>
              <p:cNvPr id="150" name="Group 43"/>
              <p:cNvGrpSpPr>
                <a:grpSpLocks/>
              </p:cNvGrpSpPr>
              <p:nvPr/>
            </p:nvGrpSpPr>
            <p:grpSpPr bwMode="auto">
              <a:xfrm rot="1353540">
                <a:off x="2682" y="1111"/>
                <a:ext cx="743" cy="186"/>
                <a:chOff x="1565" y="2568"/>
                <a:chExt cx="1118" cy="279"/>
              </a:xfrm>
            </p:grpSpPr>
            <p:sp>
              <p:nvSpPr>
                <p:cNvPr id="151" name="AutoShape 44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52" name="AutoShape 45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53" name="AutoShape 46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54" name="AutoShape 47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</p:grpSp>
        <p:sp>
          <p:nvSpPr>
            <p:cNvPr id="147" name="Arc 48"/>
            <p:cNvSpPr>
              <a:spLocks/>
            </p:cNvSpPr>
            <p:nvPr/>
          </p:nvSpPr>
          <p:spPr bwMode="gray">
            <a:xfrm rot="25447716">
              <a:off x="1948" y="1107"/>
              <a:ext cx="196" cy="204"/>
            </a:xfrm>
            <a:custGeom>
              <a:avLst/>
              <a:gdLst>
                <a:gd name="G0" fmla="+- 21600 0 0"/>
                <a:gd name="G1" fmla="+- 21600 0 0"/>
                <a:gd name="G2" fmla="+- 21600 0 0"/>
                <a:gd name="T0" fmla="*/ 3603 w 43200"/>
                <a:gd name="T1" fmla="*/ 33545 h 43155"/>
                <a:gd name="T2" fmla="*/ 22996 w 43200"/>
                <a:gd name="T3" fmla="*/ 43155 h 43155"/>
                <a:gd name="T4" fmla="*/ 21600 w 43200"/>
                <a:gd name="T5" fmla="*/ 21600 h 4315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</a:cxnLst>
              <a:rect l="0" t="0" r="r" b="b"/>
              <a:pathLst>
                <a:path w="43200" h="43155" fill="none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</a:path>
                <a:path w="43200" h="43155" stroke="0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  <a:lnTo>
                    <a:pt x="21600" y="21600"/>
                  </a:lnTo>
                  <a:close/>
                </a:path>
              </a:pathLst>
            </a:custGeom>
            <a:noFill/>
            <a:ln w="12700">
              <a:solidFill>
                <a:srgbClr val="000000"/>
              </a:solidFill>
              <a:prstDash val="sysDot"/>
              <a:round/>
              <a:headEnd/>
              <a:tailEnd type="triangle" w="sm" len="sm"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66CC"/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pic>
          <p:nvPicPr>
            <p:cNvPr id="148" name="Picture 49" descr="light_shadow1"/>
            <p:cNvPicPr>
              <a:picLocks noChangeAspect="1" noChangeArrowheads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23740"/>
            <a:stretch>
              <a:fillRect/>
            </a:stretch>
          </p:blipFill>
          <p:spPr bwMode="gray">
            <a:xfrm rot="2569845" flipH="1">
              <a:off x="2015" y="1139"/>
              <a:ext cx="129" cy="84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159" name="Group 50"/>
          <p:cNvGrpSpPr>
            <a:grpSpLocks/>
          </p:cNvGrpSpPr>
          <p:nvPr/>
        </p:nvGrpSpPr>
        <p:grpSpPr bwMode="auto">
          <a:xfrm rot="4976862" flipH="1">
            <a:off x="3869973" y="3953292"/>
            <a:ext cx="323850" cy="311150"/>
            <a:chOff x="1944" y="1111"/>
            <a:chExt cx="204" cy="196"/>
          </a:xfrm>
        </p:grpSpPr>
        <p:pic>
          <p:nvPicPr>
            <p:cNvPr id="160" name="Picture 51" descr="circuler_1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gray">
            <a:xfrm flipH="1">
              <a:off x="1961" y="1124"/>
              <a:ext cx="174" cy="172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61" name="Oval 52"/>
            <p:cNvSpPr>
              <a:spLocks noChangeArrowheads="1"/>
            </p:cNvSpPr>
            <p:nvPr/>
          </p:nvSpPr>
          <p:spPr bwMode="gray">
            <a:xfrm flipH="1">
              <a:off x="1962" y="1124"/>
              <a:ext cx="173" cy="172"/>
            </a:xfrm>
            <a:prstGeom prst="ellipse">
              <a:avLst/>
            </a:prstGeom>
            <a:gradFill rotWithShape="1">
              <a:gsLst>
                <a:gs pos="0">
                  <a:srgbClr val="FFFF00">
                    <a:gamma/>
                    <a:shade val="46275"/>
                    <a:invGamma/>
                  </a:srgbClr>
                </a:gs>
                <a:gs pos="50000">
                  <a:srgbClr val="FFFF00">
                    <a:alpha val="50000"/>
                  </a:srgbClr>
                </a:gs>
                <a:gs pos="100000">
                  <a:srgbClr val="FFFF00">
                    <a:gamma/>
                    <a:shade val="46275"/>
                    <a:invGamma/>
                  </a:srgbClr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round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grpSp>
          <p:nvGrpSpPr>
            <p:cNvPr id="162" name="Group 53"/>
            <p:cNvGrpSpPr>
              <a:grpSpLocks/>
            </p:cNvGrpSpPr>
            <p:nvPr/>
          </p:nvGrpSpPr>
          <p:grpSpPr bwMode="auto">
            <a:xfrm rot="1297425" flipV="1">
              <a:off x="1971" y="1258"/>
              <a:ext cx="151" cy="37"/>
              <a:chOff x="2532" y="1051"/>
              <a:chExt cx="893" cy="246"/>
            </a:xfrm>
          </p:grpSpPr>
          <p:grpSp>
            <p:nvGrpSpPr>
              <p:cNvPr id="165" name="Group 54"/>
              <p:cNvGrpSpPr>
                <a:grpSpLocks/>
              </p:cNvGrpSpPr>
              <p:nvPr/>
            </p:nvGrpSpPr>
            <p:grpSpPr bwMode="auto">
              <a:xfrm>
                <a:off x="2532" y="1051"/>
                <a:ext cx="743" cy="185"/>
                <a:chOff x="1565" y="2568"/>
                <a:chExt cx="1118" cy="279"/>
              </a:xfrm>
            </p:grpSpPr>
            <p:sp>
              <p:nvSpPr>
                <p:cNvPr id="171" name="AutoShape 55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72" name="AutoShape 56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73" name="AutoShape 57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74" name="AutoShape 58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  <p:grpSp>
            <p:nvGrpSpPr>
              <p:cNvPr id="166" name="Group 59"/>
              <p:cNvGrpSpPr>
                <a:grpSpLocks/>
              </p:cNvGrpSpPr>
              <p:nvPr/>
            </p:nvGrpSpPr>
            <p:grpSpPr bwMode="auto">
              <a:xfrm rot="1353540">
                <a:off x="2682" y="1111"/>
                <a:ext cx="743" cy="186"/>
                <a:chOff x="1565" y="2568"/>
                <a:chExt cx="1118" cy="279"/>
              </a:xfrm>
            </p:grpSpPr>
            <p:sp>
              <p:nvSpPr>
                <p:cNvPr id="167" name="AutoShape 60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68" name="AutoShape 61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69" name="AutoShape 62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70" name="AutoShape 63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</p:grpSp>
        <p:sp>
          <p:nvSpPr>
            <p:cNvPr id="163" name="Arc 64"/>
            <p:cNvSpPr>
              <a:spLocks/>
            </p:cNvSpPr>
            <p:nvPr/>
          </p:nvSpPr>
          <p:spPr bwMode="gray">
            <a:xfrm rot="25447716">
              <a:off x="1948" y="1107"/>
              <a:ext cx="196" cy="204"/>
            </a:xfrm>
            <a:custGeom>
              <a:avLst/>
              <a:gdLst>
                <a:gd name="G0" fmla="+- 21600 0 0"/>
                <a:gd name="G1" fmla="+- 21600 0 0"/>
                <a:gd name="G2" fmla="+- 21600 0 0"/>
                <a:gd name="T0" fmla="*/ 3603 w 43200"/>
                <a:gd name="T1" fmla="*/ 33545 h 43155"/>
                <a:gd name="T2" fmla="*/ 22996 w 43200"/>
                <a:gd name="T3" fmla="*/ 43155 h 43155"/>
                <a:gd name="T4" fmla="*/ 21600 w 43200"/>
                <a:gd name="T5" fmla="*/ 21600 h 4315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</a:cxnLst>
              <a:rect l="0" t="0" r="r" b="b"/>
              <a:pathLst>
                <a:path w="43200" h="43155" fill="none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</a:path>
                <a:path w="43200" h="43155" stroke="0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  <a:lnTo>
                    <a:pt x="21600" y="21600"/>
                  </a:lnTo>
                  <a:close/>
                </a:path>
              </a:pathLst>
            </a:custGeom>
            <a:noFill/>
            <a:ln w="12700">
              <a:solidFill>
                <a:srgbClr val="000000"/>
              </a:solidFill>
              <a:prstDash val="sysDot"/>
              <a:round/>
              <a:headEnd/>
              <a:tailEnd type="triangle" w="sm" len="sm"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66CC"/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pic>
          <p:nvPicPr>
            <p:cNvPr id="164" name="Picture 65" descr="light_shadow1"/>
            <p:cNvPicPr>
              <a:picLocks noChangeAspect="1" noChangeArrowheads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23740"/>
            <a:stretch>
              <a:fillRect/>
            </a:stretch>
          </p:blipFill>
          <p:spPr bwMode="gray">
            <a:xfrm rot="2569845" flipH="1">
              <a:off x="2015" y="1139"/>
              <a:ext cx="129" cy="84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175" name="Group 66"/>
          <p:cNvGrpSpPr>
            <a:grpSpLocks/>
          </p:cNvGrpSpPr>
          <p:nvPr/>
        </p:nvGrpSpPr>
        <p:grpSpPr bwMode="auto">
          <a:xfrm rot="4976862" flipH="1">
            <a:off x="3584221" y="4810548"/>
            <a:ext cx="323850" cy="311150"/>
            <a:chOff x="1944" y="1111"/>
            <a:chExt cx="204" cy="196"/>
          </a:xfrm>
        </p:grpSpPr>
        <p:pic>
          <p:nvPicPr>
            <p:cNvPr id="176" name="Picture 67" descr="circuler_1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gray">
            <a:xfrm flipH="1">
              <a:off x="1961" y="1124"/>
              <a:ext cx="174" cy="172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77" name="Oval 68"/>
            <p:cNvSpPr>
              <a:spLocks noChangeArrowheads="1"/>
            </p:cNvSpPr>
            <p:nvPr/>
          </p:nvSpPr>
          <p:spPr bwMode="gray">
            <a:xfrm flipH="1">
              <a:off x="1962" y="1124"/>
              <a:ext cx="173" cy="172"/>
            </a:xfrm>
            <a:prstGeom prst="ellipse">
              <a:avLst/>
            </a:prstGeom>
            <a:gradFill rotWithShape="1">
              <a:gsLst>
                <a:gs pos="0">
                  <a:srgbClr val="FFFF00">
                    <a:gamma/>
                    <a:shade val="46275"/>
                    <a:invGamma/>
                  </a:srgbClr>
                </a:gs>
                <a:gs pos="50000">
                  <a:srgbClr val="FFFF00">
                    <a:alpha val="50000"/>
                  </a:srgbClr>
                </a:gs>
                <a:gs pos="100000">
                  <a:srgbClr val="FFFF00">
                    <a:gamma/>
                    <a:shade val="46275"/>
                    <a:invGamma/>
                  </a:srgbClr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round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grpSp>
          <p:nvGrpSpPr>
            <p:cNvPr id="178" name="Group 69"/>
            <p:cNvGrpSpPr>
              <a:grpSpLocks/>
            </p:cNvGrpSpPr>
            <p:nvPr/>
          </p:nvGrpSpPr>
          <p:grpSpPr bwMode="auto">
            <a:xfrm rot="1297425" flipV="1">
              <a:off x="1971" y="1258"/>
              <a:ext cx="151" cy="37"/>
              <a:chOff x="2532" y="1051"/>
              <a:chExt cx="893" cy="246"/>
            </a:xfrm>
          </p:grpSpPr>
          <p:grpSp>
            <p:nvGrpSpPr>
              <p:cNvPr id="181" name="Group 70"/>
              <p:cNvGrpSpPr>
                <a:grpSpLocks/>
              </p:cNvGrpSpPr>
              <p:nvPr/>
            </p:nvGrpSpPr>
            <p:grpSpPr bwMode="auto">
              <a:xfrm>
                <a:off x="2532" y="1051"/>
                <a:ext cx="743" cy="185"/>
                <a:chOff x="1565" y="2568"/>
                <a:chExt cx="1118" cy="279"/>
              </a:xfrm>
            </p:grpSpPr>
            <p:sp>
              <p:nvSpPr>
                <p:cNvPr id="187" name="AutoShape 71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88" name="AutoShape 72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89" name="AutoShape 73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90" name="AutoShape 74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  <p:grpSp>
            <p:nvGrpSpPr>
              <p:cNvPr id="182" name="Group 75"/>
              <p:cNvGrpSpPr>
                <a:grpSpLocks/>
              </p:cNvGrpSpPr>
              <p:nvPr/>
            </p:nvGrpSpPr>
            <p:grpSpPr bwMode="auto">
              <a:xfrm rot="1353540">
                <a:off x="2682" y="1111"/>
                <a:ext cx="743" cy="186"/>
                <a:chOff x="1565" y="2568"/>
                <a:chExt cx="1118" cy="279"/>
              </a:xfrm>
            </p:grpSpPr>
            <p:sp>
              <p:nvSpPr>
                <p:cNvPr id="183" name="AutoShape 76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84" name="AutoShape 77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85" name="AutoShape 78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186" name="AutoShape 79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</p:grpSp>
        <p:sp>
          <p:nvSpPr>
            <p:cNvPr id="179" name="Arc 80"/>
            <p:cNvSpPr>
              <a:spLocks/>
            </p:cNvSpPr>
            <p:nvPr/>
          </p:nvSpPr>
          <p:spPr bwMode="gray">
            <a:xfrm rot="25447716">
              <a:off x="1948" y="1107"/>
              <a:ext cx="196" cy="204"/>
            </a:xfrm>
            <a:custGeom>
              <a:avLst/>
              <a:gdLst>
                <a:gd name="G0" fmla="+- 21600 0 0"/>
                <a:gd name="G1" fmla="+- 21600 0 0"/>
                <a:gd name="G2" fmla="+- 21600 0 0"/>
                <a:gd name="T0" fmla="*/ 3603 w 43200"/>
                <a:gd name="T1" fmla="*/ 33545 h 43155"/>
                <a:gd name="T2" fmla="*/ 22996 w 43200"/>
                <a:gd name="T3" fmla="*/ 43155 h 43155"/>
                <a:gd name="T4" fmla="*/ 21600 w 43200"/>
                <a:gd name="T5" fmla="*/ 21600 h 4315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</a:cxnLst>
              <a:rect l="0" t="0" r="r" b="b"/>
              <a:pathLst>
                <a:path w="43200" h="43155" fill="none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</a:path>
                <a:path w="43200" h="43155" stroke="0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  <a:lnTo>
                    <a:pt x="21600" y="21600"/>
                  </a:lnTo>
                  <a:close/>
                </a:path>
              </a:pathLst>
            </a:custGeom>
            <a:noFill/>
            <a:ln w="12700">
              <a:solidFill>
                <a:srgbClr val="000000"/>
              </a:solidFill>
              <a:prstDash val="sysDot"/>
              <a:round/>
              <a:headEnd/>
              <a:tailEnd type="triangle" w="sm" len="sm"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66CC"/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pic>
          <p:nvPicPr>
            <p:cNvPr id="180" name="Picture 81" descr="light_shadow1"/>
            <p:cNvPicPr>
              <a:picLocks noChangeAspect="1" noChangeArrowheads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23740"/>
            <a:stretch>
              <a:fillRect/>
            </a:stretch>
          </p:blipFill>
          <p:spPr bwMode="gray">
            <a:xfrm rot="2569845" flipH="1">
              <a:off x="2015" y="1139"/>
              <a:ext cx="129" cy="84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grpSp>
        <p:nvGrpSpPr>
          <p:cNvPr id="191" name="Group 82"/>
          <p:cNvGrpSpPr>
            <a:grpSpLocks/>
          </p:cNvGrpSpPr>
          <p:nvPr/>
        </p:nvGrpSpPr>
        <p:grpSpPr bwMode="auto">
          <a:xfrm rot="4976862" flipH="1">
            <a:off x="2869841" y="5739242"/>
            <a:ext cx="323850" cy="311150"/>
            <a:chOff x="1944" y="1111"/>
            <a:chExt cx="204" cy="196"/>
          </a:xfrm>
        </p:grpSpPr>
        <p:pic>
          <p:nvPicPr>
            <p:cNvPr id="192" name="Picture 83" descr="circuler_1"/>
            <p:cNvPicPr>
              <a:picLocks noChangeAspect="1" noChangeArrowheads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gray">
            <a:xfrm flipH="1">
              <a:off x="1961" y="1124"/>
              <a:ext cx="174" cy="172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93" name="Oval 84"/>
            <p:cNvSpPr>
              <a:spLocks noChangeArrowheads="1"/>
            </p:cNvSpPr>
            <p:nvPr/>
          </p:nvSpPr>
          <p:spPr bwMode="gray">
            <a:xfrm flipH="1">
              <a:off x="1962" y="1124"/>
              <a:ext cx="173" cy="172"/>
            </a:xfrm>
            <a:prstGeom prst="ellipse">
              <a:avLst/>
            </a:prstGeom>
            <a:gradFill rotWithShape="1">
              <a:gsLst>
                <a:gs pos="0">
                  <a:srgbClr val="FFFF00">
                    <a:gamma/>
                    <a:shade val="46275"/>
                    <a:invGamma/>
                  </a:srgbClr>
                </a:gs>
                <a:gs pos="50000">
                  <a:srgbClr val="FFFF00">
                    <a:alpha val="50000"/>
                  </a:srgbClr>
                </a:gs>
                <a:gs pos="100000">
                  <a:srgbClr val="FFFF00">
                    <a:gamma/>
                    <a:shade val="46275"/>
                    <a:invGamma/>
                  </a:srgbClr>
                </a:gs>
              </a:gsLst>
              <a:lin ang="5400000" scaled="1"/>
            </a:gradFill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 algn="ctr">
                  <a:solidFill>
                    <a:schemeClr val="tx1"/>
                  </a:solidFill>
                  <a:round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grpSp>
          <p:nvGrpSpPr>
            <p:cNvPr id="194" name="Group 85"/>
            <p:cNvGrpSpPr>
              <a:grpSpLocks/>
            </p:cNvGrpSpPr>
            <p:nvPr/>
          </p:nvGrpSpPr>
          <p:grpSpPr bwMode="auto">
            <a:xfrm rot="1297425" flipV="1">
              <a:off x="1971" y="1258"/>
              <a:ext cx="151" cy="37"/>
              <a:chOff x="2532" y="1051"/>
              <a:chExt cx="893" cy="246"/>
            </a:xfrm>
          </p:grpSpPr>
          <p:grpSp>
            <p:nvGrpSpPr>
              <p:cNvPr id="197" name="Group 86"/>
              <p:cNvGrpSpPr>
                <a:grpSpLocks/>
              </p:cNvGrpSpPr>
              <p:nvPr/>
            </p:nvGrpSpPr>
            <p:grpSpPr bwMode="auto">
              <a:xfrm>
                <a:off x="2532" y="1051"/>
                <a:ext cx="743" cy="185"/>
                <a:chOff x="1565" y="2568"/>
                <a:chExt cx="1118" cy="279"/>
              </a:xfrm>
            </p:grpSpPr>
            <p:sp>
              <p:nvSpPr>
                <p:cNvPr id="203" name="AutoShape 87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204" name="AutoShape 88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205" name="AutoShape 89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206" name="AutoShape 90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  <p:grpSp>
            <p:nvGrpSpPr>
              <p:cNvPr id="198" name="Group 91"/>
              <p:cNvGrpSpPr>
                <a:grpSpLocks/>
              </p:cNvGrpSpPr>
              <p:nvPr/>
            </p:nvGrpSpPr>
            <p:grpSpPr bwMode="auto">
              <a:xfrm rot="1353540">
                <a:off x="2682" y="1111"/>
                <a:ext cx="743" cy="186"/>
                <a:chOff x="1565" y="2568"/>
                <a:chExt cx="1118" cy="279"/>
              </a:xfrm>
            </p:grpSpPr>
            <p:sp>
              <p:nvSpPr>
                <p:cNvPr id="199" name="AutoShape 92"/>
                <p:cNvSpPr>
                  <a:spLocks noChangeArrowheads="1"/>
                </p:cNvSpPr>
                <p:nvPr/>
              </p:nvSpPr>
              <p:spPr bwMode="gray">
                <a:xfrm rot="5263130">
                  <a:off x="1859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200" name="AutoShape 93"/>
                <p:cNvSpPr>
                  <a:spLocks noChangeArrowheads="1"/>
                </p:cNvSpPr>
                <p:nvPr/>
              </p:nvSpPr>
              <p:spPr bwMode="gray">
                <a:xfrm rot="6078281">
                  <a:off x="1995" y="2274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201" name="AutoShape 94"/>
                <p:cNvSpPr>
                  <a:spLocks noChangeArrowheads="1"/>
                </p:cNvSpPr>
                <p:nvPr/>
              </p:nvSpPr>
              <p:spPr bwMode="gray">
                <a:xfrm rot="6373927">
                  <a:off x="2071" y="229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  <p:sp>
              <p:nvSpPr>
                <p:cNvPr id="202" name="AutoShape 95"/>
                <p:cNvSpPr>
                  <a:spLocks noChangeArrowheads="1"/>
                </p:cNvSpPr>
                <p:nvPr/>
              </p:nvSpPr>
              <p:spPr bwMode="gray">
                <a:xfrm rot="6906312">
                  <a:off x="2161" y="2326"/>
                  <a:ext cx="227" cy="816"/>
                </a:xfrm>
                <a:prstGeom prst="moon">
                  <a:avLst>
                    <a:gd name="adj" fmla="val 49773"/>
                  </a:avLst>
                </a:prstGeom>
                <a:solidFill>
                  <a:srgbClr val="FFFFFF">
                    <a:alpha val="3999"/>
                  </a:srgbClr>
                </a:solidFill>
                <a:ln>
                  <a:noFill/>
                </a:ln>
                <a:effectLst/>
                <a:extLst>
                  <a:ext uri="{91240B29-F687-4F45-9708-019B960494DF}">
                    <a14:hiddenLine xmlns:a14="http://schemas.microsoft.com/office/drawing/2010/main" w="9525">
                      <a:solidFill>
                        <a:schemeClr val="tx1"/>
                      </a:solidFill>
                      <a:miter lim="800000"/>
                      <a:headEnd/>
                      <a:tailEnd/>
                    </a14:hiddenLine>
                  </a:ext>
                  <a:ext uri="{AF507438-7753-43E0-B8FC-AC1667EBCBE1}">
                    <a14:hiddenEffects xmlns:a14="http://schemas.microsoft.com/office/drawing/2010/main">
                      <a:effectLst>
                        <a:outerShdw dist="35921" dir="2700000" algn="ctr" rotWithShape="0">
                          <a:schemeClr val="bg2"/>
                        </a:outerShdw>
                      </a:effectLst>
                    </a14:hiddenEffects>
                  </a:ext>
                </a:extLst>
              </p:spPr>
              <p:txBody>
                <a:bodyPr wrap="none" anchor="ctr"/>
                <a:lstStyle/>
                <a:p>
                  <a:endParaRPr lang="ru-RU"/>
                </a:p>
              </p:txBody>
            </p:sp>
          </p:grpSp>
        </p:grpSp>
        <p:sp>
          <p:nvSpPr>
            <p:cNvPr id="195" name="Arc 96"/>
            <p:cNvSpPr>
              <a:spLocks/>
            </p:cNvSpPr>
            <p:nvPr/>
          </p:nvSpPr>
          <p:spPr bwMode="gray">
            <a:xfrm rot="25447716">
              <a:off x="1948" y="1107"/>
              <a:ext cx="196" cy="204"/>
            </a:xfrm>
            <a:custGeom>
              <a:avLst/>
              <a:gdLst>
                <a:gd name="G0" fmla="+- 21600 0 0"/>
                <a:gd name="G1" fmla="+- 21600 0 0"/>
                <a:gd name="G2" fmla="+- 21600 0 0"/>
                <a:gd name="T0" fmla="*/ 3603 w 43200"/>
                <a:gd name="T1" fmla="*/ 33545 h 43155"/>
                <a:gd name="T2" fmla="*/ 22996 w 43200"/>
                <a:gd name="T3" fmla="*/ 43155 h 43155"/>
                <a:gd name="T4" fmla="*/ 21600 w 43200"/>
                <a:gd name="T5" fmla="*/ 21600 h 43155"/>
              </a:gdLst>
              <a:ahLst/>
              <a:cxnLst>
                <a:cxn ang="0">
                  <a:pos x="T0" y="T1"/>
                </a:cxn>
                <a:cxn ang="0">
                  <a:pos x="T2" y="T3"/>
                </a:cxn>
                <a:cxn ang="0">
                  <a:pos x="T4" y="T5"/>
                </a:cxn>
              </a:cxnLst>
              <a:rect l="0" t="0" r="r" b="b"/>
              <a:pathLst>
                <a:path w="43200" h="43155" fill="none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</a:path>
                <a:path w="43200" h="43155" stroke="0" extrusionOk="0">
                  <a:moveTo>
                    <a:pt x="3603" y="33544"/>
                  </a:moveTo>
                  <a:cubicBezTo>
                    <a:pt x="1253" y="30004"/>
                    <a:pt x="0" y="25849"/>
                    <a:pt x="0" y="21600"/>
                  </a:cubicBezTo>
                  <a:cubicBezTo>
                    <a:pt x="0" y="9670"/>
                    <a:pt x="9670" y="0"/>
                    <a:pt x="21600" y="0"/>
                  </a:cubicBezTo>
                  <a:cubicBezTo>
                    <a:pt x="33529" y="0"/>
                    <a:pt x="43200" y="9670"/>
                    <a:pt x="43200" y="21600"/>
                  </a:cubicBezTo>
                  <a:cubicBezTo>
                    <a:pt x="43200" y="32987"/>
                    <a:pt x="34359" y="42418"/>
                    <a:pt x="22995" y="43154"/>
                  </a:cubicBezTo>
                  <a:lnTo>
                    <a:pt x="21600" y="21600"/>
                  </a:lnTo>
                  <a:close/>
                </a:path>
              </a:pathLst>
            </a:custGeom>
            <a:noFill/>
            <a:ln w="12700">
              <a:solidFill>
                <a:srgbClr val="000000"/>
              </a:solidFill>
              <a:prstDash val="sysDot"/>
              <a:round/>
              <a:headEnd/>
              <a:tailEnd type="triangle" w="sm" len="sm"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66CC"/>
                  </a:solidFill>
                </a14:hiddenFill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ru-RU"/>
            </a:p>
          </p:txBody>
        </p:sp>
        <p:pic>
          <p:nvPicPr>
            <p:cNvPr id="196" name="Picture 97" descr="light_shadow1"/>
            <p:cNvPicPr>
              <a:picLocks noChangeAspect="1" noChangeArrowheads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23740"/>
            <a:stretch>
              <a:fillRect/>
            </a:stretch>
          </p:blipFill>
          <p:spPr bwMode="gray">
            <a:xfrm rot="2569845" flipH="1">
              <a:off x="2015" y="1139"/>
              <a:ext cx="129" cy="84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  <p:sp>
        <p:nvSpPr>
          <p:cNvPr id="107" name="Rectangle 28"/>
          <p:cNvSpPr>
            <a:spLocks noChangeArrowheads="1"/>
          </p:cNvSpPr>
          <p:nvPr/>
        </p:nvSpPr>
        <p:spPr bwMode="gray">
          <a:xfrm>
            <a:off x="1137467" y="428604"/>
            <a:ext cx="8006533" cy="10156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1"/>
                    </a:gs>
                    <a:gs pos="50000">
                      <a:schemeClr val="bg1"/>
                    </a:gs>
                    <a:gs pos="100000">
                      <a:schemeClr val="accent1"/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marL="366713" marR="0" lvl="0" indent="-366713" algn="l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C00000"/>
              </a:buClr>
              <a:buSzTx/>
              <a:buFont typeface="Wingdings" pitchFamily="2" charset="2"/>
              <a:buChar char="q"/>
              <a:tabLst/>
              <a:defRPr/>
            </a:pPr>
            <a:r>
              <a:rPr lang="ru-RU" sz="2000" b="1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Работы </a:t>
            </a:r>
            <a:r>
              <a:rPr lang="ru-RU" sz="2000" b="1" dirty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по реконструкции региональной автоматизированной централизованной системы оповещения населения Липецкой </a:t>
            </a:r>
            <a:r>
              <a:rPr lang="ru-RU" sz="2000" b="1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области</a:t>
            </a:r>
            <a:endParaRPr kumimoji="0" lang="en-US" sz="2000" b="1" i="0" u="none" strike="noStrike" kern="0" cap="none" spc="0" normalizeH="0" baseline="0" noProof="0" dirty="0">
              <a:ln>
                <a:noFill/>
              </a:ln>
              <a:solidFill>
                <a:srgbClr val="C00000"/>
              </a:solidFill>
              <a:effectLst/>
              <a:uLnTx/>
              <a:uFillTx/>
              <a:latin typeface="Arial" pitchFamily="34" charset="0"/>
              <a:ea typeface="Roboto Medium" pitchFamily="2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628458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2000" fill="hold"/>
                                        <p:tgtEl>
                                          <p:spTgt spid="1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2000" fill="hold"/>
                                        <p:tgtEl>
                                          <p:spTgt spid="11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2000"/>
                            </p:stCondLst>
                            <p:childTnLst>
                              <p:par>
                                <p:cTn id="10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2000" fill="hold"/>
                                        <p:tgtEl>
                                          <p:spTgt spid="1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2000" fill="hold"/>
                                        <p:tgtEl>
                                          <p:spTgt spid="11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4000"/>
                            </p:stCondLst>
                            <p:childTnLst>
                              <p:par>
                                <p:cTn id="15" presetID="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2000" fill="hold"/>
                                        <p:tgtEl>
                                          <p:spTgt spid="1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2000" fill="hold"/>
                                        <p:tgtEl>
                                          <p:spTgt spid="1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6000"/>
                            </p:stCondLst>
                            <p:childTnLst>
                              <p:par>
                                <p:cTn id="20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2" dur="2000" fill="hold"/>
                                        <p:tgtEl>
                                          <p:spTgt spid="1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3" dur="2000" fill="hold"/>
                                        <p:tgtEl>
                                          <p:spTgt spid="11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8000"/>
                            </p:stCondLst>
                            <p:childTnLst>
                              <p:par>
                                <p:cTn id="25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2000" fill="hold"/>
                                        <p:tgtEl>
                                          <p:spTgt spid="1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2000" fill="hold"/>
                                        <p:tgtEl>
                                          <p:spTgt spid="11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5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15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83969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21027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Оповещение жителей населенных пунктов, не включенных в систему централизованного оповещения, особенно проживающих в сельской местности и в районах размещения бесхозяйных объектов организуется главами муниципальных образований, в т.ч. сельских поселений и осуществляется подвижными средствами оповещения УМВД России по Липецкой области, по телефонным линиям МГТС, сотовой связи, sms-оповещением, посыльными на транспорте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pic>
        <p:nvPicPr>
          <p:cNvPr id="83971" name="Picture 3" descr="https://92.mchs.gov.ru/uploads/news/2022-06-06/4145ffe2943bc062b3e1238b537f9823.jpg"/>
          <p:cNvPicPr>
            <a:picLocks noChangeAspect="1" noChangeArrowheads="1"/>
          </p:cNvPicPr>
          <p:nvPr/>
        </p:nvPicPr>
        <p:blipFill>
          <a:blip r:embed="rId4" cstate="print"/>
          <a:srcRect l="9853" t="16527" r="9354"/>
          <a:stretch>
            <a:fillRect/>
          </a:stretch>
        </p:blipFill>
        <p:spPr bwMode="auto">
          <a:xfrm>
            <a:off x="1357290" y="2500306"/>
            <a:ext cx="6429420" cy="4214842"/>
          </a:xfrm>
          <a:prstGeom prst="rect">
            <a:avLst/>
          </a:prstGeom>
          <a:noFill/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16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81921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258532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 целях реализации Указа Президента Российской Федерации от 13.11.2012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00206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№ 1522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«О создании комплексной системы экстренного оповещения населения об угрозе возникновения или о возникновении чрезвычайных ситуаций» постановлением администрации Липецкой области от 28.02.2013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00206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№ 101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утвержден перечень территорий (зон) в границах муниципальных образований Липецкой области, подверженных риску возникновения быстроразвивающихся опасных природных явлений и техногенных процессов.</a:t>
            </a: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pic>
        <p:nvPicPr>
          <p:cNvPr id="8" name="Picture 5" descr="https://sss-nn.ru/uploads/s/u/p/6/up6thve4tjbk/img/utdc2BhI.jpg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928662" y="2714620"/>
            <a:ext cx="7286625" cy="4000528"/>
          </a:xfrm>
          <a:prstGeom prst="rect">
            <a:avLst/>
          </a:prstGeom>
          <a:noFill/>
          <a:ln w="9525">
            <a:solidFill>
              <a:schemeClr val="accent2"/>
            </a:solidFill>
            <a:miter lim="800000"/>
            <a:headEnd/>
            <a:tailEnd/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72805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 txBox="1">
            <a:spLocks noGrp="1"/>
          </p:cNvSpPr>
          <p:nvPr>
            <p:ph type="title"/>
          </p:nvPr>
        </p:nvSpPr>
        <p:spPr>
          <a:xfrm>
            <a:off x="231992" y="0"/>
            <a:ext cx="891200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lvl="0">
              <a:spcBef>
                <a:spcPts val="53"/>
              </a:spcBef>
            </a:pPr>
            <a:r>
              <a:rPr lang="ru-RU" cap="all" spc="-10" dirty="0" smtClean="0">
                <a:latin typeface="Roboto" pitchFamily="2" charset="0"/>
                <a:ea typeface="Roboto" pitchFamily="2" charset="0"/>
              </a:rPr>
              <a:t> </a:t>
            </a:r>
            <a:r>
              <a:rPr lang="ru-RU" b="1" cap="all" spc="-10" dirty="0" smtClean="0">
                <a:latin typeface="Roboto" pitchFamily="2" charset="0"/>
                <a:ea typeface="Roboto" pitchFamily="2" charset="0"/>
              </a:rPr>
              <a:t>Вопрос 1</a:t>
            </a:r>
            <a:endParaRPr lang="ru-RU" cap="all" spc="-10" dirty="0">
              <a:latin typeface="Roboto" pitchFamily="2" charset="0"/>
              <a:ea typeface="Roboto" pitchFamily="2" charset="0"/>
            </a:endParaRPr>
          </a:p>
        </p:txBody>
      </p:sp>
      <p:sp>
        <p:nvSpPr>
          <p:cNvPr id="16" name="object 5"/>
          <p:cNvSpPr/>
          <p:nvPr/>
        </p:nvSpPr>
        <p:spPr>
          <a:xfrm>
            <a:off x="8181752" y="5957248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610600" y="6526064"/>
            <a:ext cx="501294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17</a:t>
            </a:fld>
            <a:endParaRPr sz="1400" spc="10" dirty="0">
              <a:solidFill>
                <a:schemeClr val="bg1"/>
              </a:solidFill>
            </a:endParaRPr>
          </a:p>
        </p:txBody>
      </p:sp>
      <p:pic>
        <p:nvPicPr>
          <p:cNvPr id="9" name="Picture 2" descr="whiteline_008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ltGray">
          <a:xfrm>
            <a:off x="4440237" y="2330450"/>
            <a:ext cx="2139950" cy="21304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" name="Picture 3" descr="whiteline_010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85984" y="2643182"/>
            <a:ext cx="1609725" cy="16002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" name="Picture 4" descr="whiteline_006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00034" y="2786058"/>
            <a:ext cx="1250950" cy="1244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3" name="AutoShape 6"/>
          <p:cNvSpPr>
            <a:spLocks noChangeArrowheads="1"/>
          </p:cNvSpPr>
          <p:nvPr/>
        </p:nvSpPr>
        <p:spPr bwMode="gray">
          <a:xfrm>
            <a:off x="6869112" y="2357430"/>
            <a:ext cx="1868488" cy="2143140"/>
          </a:xfrm>
          <a:prstGeom prst="roundRect">
            <a:avLst>
              <a:gd name="adj" fmla="val 16667"/>
            </a:avLst>
          </a:prstGeom>
          <a:gradFill rotWithShape="1">
            <a:gsLst>
              <a:gs pos="0">
                <a:srgbClr val="B2B2B2"/>
              </a:gs>
              <a:gs pos="50000">
                <a:srgbClr val="B2B2B2">
                  <a:gamma/>
                  <a:tint val="0"/>
                  <a:invGamma/>
                </a:srgbClr>
              </a:gs>
              <a:gs pos="100000">
                <a:srgbClr val="B2B2B2"/>
              </a:gs>
            </a:gsLst>
            <a:lin ang="5400000" scaled="1"/>
          </a:gradFill>
          <a:ln w="38100" algn="ctr">
            <a:solidFill>
              <a:srgbClr val="EAEAEA"/>
            </a:solidFill>
            <a:round/>
            <a:headEnd/>
            <a:tailEnd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ru-RU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17" name="Line 8"/>
          <p:cNvSpPr>
            <a:spLocks noChangeShapeType="1"/>
          </p:cNvSpPr>
          <p:nvPr/>
        </p:nvSpPr>
        <p:spPr bwMode="auto">
          <a:xfrm>
            <a:off x="304800" y="4811713"/>
            <a:ext cx="6324600" cy="0"/>
          </a:xfrm>
          <a:prstGeom prst="line">
            <a:avLst/>
          </a:prstGeom>
          <a:noFill/>
          <a:ln w="38100">
            <a:solidFill>
              <a:schemeClr val="tx1"/>
            </a:solidFill>
            <a:round/>
            <a:headEnd/>
            <a:tailEnd type="triangle" w="med" len="med"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ru-RU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18" name="Rectangle 9"/>
          <p:cNvSpPr>
            <a:spLocks noChangeArrowheads="1"/>
          </p:cNvSpPr>
          <p:nvPr/>
        </p:nvSpPr>
        <p:spPr bwMode="auto">
          <a:xfrm>
            <a:off x="4572000" y="3214686"/>
            <a:ext cx="1831975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/>
          <a:p>
            <a:pPr algn="ctr"/>
            <a:r>
              <a:rPr kumimoji="0" lang="ru-RU" b="1" i="0" u="none" strike="noStrike" kern="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14 зон</a:t>
            </a:r>
            <a:endParaRPr lang="en-US" b="1" dirty="0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19" name="Rectangle 10"/>
          <p:cNvSpPr>
            <a:spLocks noChangeArrowheads="1"/>
          </p:cNvSpPr>
          <p:nvPr/>
        </p:nvSpPr>
        <p:spPr bwMode="auto">
          <a:xfrm>
            <a:off x="2357422" y="3214686"/>
            <a:ext cx="1564434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/>
            <a:r>
              <a:rPr kumimoji="0" lang="ru-RU" b="1" i="0" u="none" strike="noStrike" kern="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7 зон</a:t>
            </a:r>
            <a:endParaRPr lang="en-US" b="1" dirty="0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20" name="Rectangle 11"/>
          <p:cNvSpPr>
            <a:spLocks noChangeArrowheads="1"/>
          </p:cNvSpPr>
          <p:nvPr/>
        </p:nvSpPr>
        <p:spPr bwMode="auto">
          <a:xfrm>
            <a:off x="571472" y="3214686"/>
            <a:ext cx="1206125" cy="3693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/>
            <a:r>
              <a:rPr lang="ru-RU" b="1" dirty="0" smtClean="0">
                <a:solidFill>
                  <a:schemeClr val="tx1"/>
                </a:solidFill>
                <a:latin typeface="Roboto Medium" pitchFamily="2" charset="0"/>
                <a:ea typeface="Roboto Medium" pitchFamily="2" charset="0"/>
              </a:rPr>
              <a:t>3 зоны  </a:t>
            </a:r>
            <a:endParaRPr lang="en-US" b="1" dirty="0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21" name="Text Box 12"/>
          <p:cNvSpPr txBox="1">
            <a:spLocks noChangeArrowheads="1"/>
          </p:cNvSpPr>
          <p:nvPr/>
        </p:nvSpPr>
        <p:spPr bwMode="gray">
          <a:xfrm>
            <a:off x="6883401" y="3087469"/>
            <a:ext cx="1857188" cy="64633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 eaLnBrk="0" hangingPunct="0"/>
            <a:r>
              <a:rPr kumimoji="0" lang="ru-RU" b="1" i="0" u="none" strike="noStrike" kern="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 Medium" pitchFamily="2" charset="0"/>
                <a:ea typeface="Roboto Medium" pitchFamily="2" charset="0"/>
              </a:rPr>
              <a:t>Всего:</a:t>
            </a:r>
          </a:p>
          <a:p>
            <a:pPr algn="ctr" eaLnBrk="0" hangingPunct="0"/>
            <a:r>
              <a:rPr lang="ru-RU" b="1" dirty="0" smtClean="0">
                <a:solidFill>
                  <a:schemeClr val="tx1"/>
                </a:solidFill>
                <a:latin typeface="Roboto Medium" pitchFamily="2" charset="0"/>
                <a:ea typeface="Roboto Medium" pitchFamily="2" charset="0"/>
              </a:rPr>
              <a:t>24 зоны</a:t>
            </a:r>
            <a:endParaRPr lang="en-US" b="1" dirty="0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22" name="Line 13"/>
          <p:cNvSpPr>
            <a:spLocks noChangeShapeType="1"/>
          </p:cNvSpPr>
          <p:nvPr/>
        </p:nvSpPr>
        <p:spPr bwMode="auto">
          <a:xfrm>
            <a:off x="2017712" y="4365625"/>
            <a:ext cx="0" cy="968375"/>
          </a:xfrm>
          <a:prstGeom prst="line">
            <a:avLst/>
          </a:prstGeom>
          <a:noFill/>
          <a:ln w="9525">
            <a:solidFill>
              <a:schemeClr val="tx1"/>
            </a:solidFill>
            <a:prstDash val="dash"/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ru-RU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23" name="Line 14"/>
          <p:cNvSpPr>
            <a:spLocks noChangeShapeType="1"/>
          </p:cNvSpPr>
          <p:nvPr/>
        </p:nvSpPr>
        <p:spPr bwMode="auto">
          <a:xfrm>
            <a:off x="3944937" y="4365625"/>
            <a:ext cx="0" cy="958850"/>
          </a:xfrm>
          <a:prstGeom prst="line">
            <a:avLst/>
          </a:prstGeom>
          <a:noFill/>
          <a:ln w="9525">
            <a:solidFill>
              <a:schemeClr val="tx1"/>
            </a:solidFill>
            <a:prstDash val="dash"/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ru-RU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24" name="Text Box 15"/>
          <p:cNvSpPr txBox="1">
            <a:spLocks noChangeArrowheads="1"/>
          </p:cNvSpPr>
          <p:nvPr/>
        </p:nvSpPr>
        <p:spPr bwMode="auto">
          <a:xfrm>
            <a:off x="363537" y="4887913"/>
            <a:ext cx="1654175" cy="64633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>
              <a:spcBef>
                <a:spcPct val="50000"/>
              </a:spcBef>
            </a:pPr>
            <a:r>
              <a:rPr lang="ru-RU" b="1" dirty="0" smtClean="0">
                <a:solidFill>
                  <a:schemeClr val="tx1"/>
                </a:solidFill>
                <a:latin typeface="Roboto Medium" pitchFamily="2" charset="0"/>
                <a:ea typeface="Roboto Medium" pitchFamily="2" charset="0"/>
              </a:rPr>
              <a:t>Угроза паводка</a:t>
            </a:r>
            <a:endParaRPr lang="en-US" b="1" dirty="0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25" name="Text Box 16"/>
          <p:cNvSpPr txBox="1">
            <a:spLocks noChangeArrowheads="1"/>
          </p:cNvSpPr>
          <p:nvPr/>
        </p:nvSpPr>
        <p:spPr bwMode="auto">
          <a:xfrm>
            <a:off x="2192337" y="4887913"/>
            <a:ext cx="1644650" cy="92333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>
              <a:spcBef>
                <a:spcPct val="50000"/>
              </a:spcBef>
            </a:pPr>
            <a:r>
              <a:rPr lang="ru-RU" b="1" dirty="0" smtClean="0">
                <a:solidFill>
                  <a:schemeClr val="tx1"/>
                </a:solidFill>
                <a:latin typeface="Roboto Medium" pitchFamily="2" charset="0"/>
                <a:ea typeface="Roboto Medium" pitchFamily="2" charset="0"/>
              </a:rPr>
              <a:t>Угрозы </a:t>
            </a:r>
            <a:r>
              <a:rPr lang="ru-RU" b="1" dirty="0" err="1" smtClean="0">
                <a:solidFill>
                  <a:schemeClr val="tx1"/>
                </a:solidFill>
                <a:latin typeface="Roboto Medium" pitchFamily="2" charset="0"/>
                <a:ea typeface="Roboto Medium" pitchFamily="2" charset="0"/>
              </a:rPr>
              <a:t>техногенногохарактера</a:t>
            </a:r>
            <a:endParaRPr lang="en-US" b="1" dirty="0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26" name="Text Box 17"/>
          <p:cNvSpPr txBox="1">
            <a:spLocks noChangeArrowheads="1"/>
          </p:cNvSpPr>
          <p:nvPr/>
        </p:nvSpPr>
        <p:spPr bwMode="auto">
          <a:xfrm>
            <a:off x="4652681" y="4887913"/>
            <a:ext cx="1775013" cy="92333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2"/>
                    </a:gs>
                    <a:gs pos="100000">
                      <a:schemeClr val="accent2">
                        <a:gamma/>
                        <a:tint val="73725"/>
                        <a:invGamma/>
                      </a:schemeClr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>
              <a:spcBef>
                <a:spcPct val="50000"/>
              </a:spcBef>
            </a:pPr>
            <a:r>
              <a:rPr lang="ru-RU" b="1" dirty="0" smtClean="0">
                <a:solidFill>
                  <a:schemeClr val="tx1"/>
                </a:solidFill>
                <a:latin typeface="Roboto Medium" pitchFamily="2" charset="0"/>
                <a:ea typeface="Roboto Medium" pitchFamily="2" charset="0"/>
              </a:rPr>
              <a:t>Угрозы природных пожаров</a:t>
            </a:r>
            <a:endParaRPr lang="en-US" b="1" dirty="0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27" name="Rectangle 18"/>
          <p:cNvSpPr>
            <a:spLocks noChangeArrowheads="1"/>
          </p:cNvSpPr>
          <p:nvPr/>
        </p:nvSpPr>
        <p:spPr bwMode="black">
          <a:xfrm>
            <a:off x="2714612" y="357166"/>
            <a:ext cx="6429388" cy="237976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gradFill rotWithShape="1">
                  <a:gsLst>
                    <a:gs pos="0">
                      <a:schemeClr val="accent1"/>
                    </a:gs>
                    <a:gs pos="50000">
                      <a:schemeClr val="bg1"/>
                    </a:gs>
                    <a:gs pos="100000">
                      <a:schemeClr val="accent1"/>
                    </a:gs>
                  </a:gsLst>
                  <a:lin ang="5400000" scaled="1"/>
                </a:gradFill>
              </a14:hiddenFill>
            </a:ext>
            <a:ext uri="{91240B29-F687-4F45-9708-019B960494DF}">
              <a14:hiddenLine xmlns:a14="http://schemas.microsoft.com/office/drawing/2010/main" w="9525" algn="ctr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r>
              <a:rPr lang="ru-RU" b="1" dirty="0" smtClean="0"/>
              <a:t>Согласно Постановлению  №101  это - </a:t>
            </a:r>
            <a:r>
              <a:rPr lang="ru-RU" b="1" dirty="0"/>
              <a:t>2 городских округа </a:t>
            </a:r>
            <a:r>
              <a:rPr lang="ru-RU" b="1" dirty="0" smtClean="0"/>
              <a:t> (</a:t>
            </a:r>
            <a:r>
              <a:rPr lang="ru-RU" b="1" dirty="0"/>
              <a:t>г. Липецк, г. Елец</a:t>
            </a:r>
            <a:r>
              <a:rPr lang="ru-RU" b="1" dirty="0" smtClean="0"/>
              <a:t>)  и  </a:t>
            </a:r>
            <a:r>
              <a:rPr lang="ru-RU" b="1" dirty="0"/>
              <a:t>6 муниципальных районов (</a:t>
            </a:r>
            <a:r>
              <a:rPr lang="ru-RU" b="1" dirty="0" err="1"/>
              <a:t>Грязинский</a:t>
            </a:r>
            <a:r>
              <a:rPr lang="ru-RU" b="1" dirty="0"/>
              <a:t>, </a:t>
            </a:r>
            <a:r>
              <a:rPr lang="ru-RU" b="1" dirty="0" smtClean="0"/>
              <a:t> </a:t>
            </a:r>
            <a:r>
              <a:rPr lang="ru-RU" b="1" dirty="0" err="1" smtClean="0"/>
              <a:t>Данковский</a:t>
            </a:r>
            <a:r>
              <a:rPr lang="ru-RU" b="1" dirty="0"/>
              <a:t>, </a:t>
            </a:r>
            <a:r>
              <a:rPr lang="ru-RU" b="1" dirty="0" smtClean="0"/>
              <a:t> </a:t>
            </a:r>
            <a:r>
              <a:rPr lang="ru-RU" b="1" dirty="0" err="1" smtClean="0"/>
              <a:t>Добровский</a:t>
            </a:r>
            <a:r>
              <a:rPr lang="ru-RU" b="1" dirty="0"/>
              <a:t>, Задонский, </a:t>
            </a:r>
            <a:r>
              <a:rPr lang="ru-RU" b="1" dirty="0" smtClean="0"/>
              <a:t> Липецкий  и  </a:t>
            </a:r>
            <a:r>
              <a:rPr lang="ru-RU" b="1" dirty="0" err="1" smtClean="0"/>
              <a:t>Усманский</a:t>
            </a:r>
            <a:r>
              <a:rPr lang="ru-RU" b="1" dirty="0" smtClean="0"/>
              <a:t>).</a:t>
            </a:r>
          </a:p>
          <a:p>
            <a:r>
              <a:rPr lang="ru-RU" b="1" dirty="0" smtClean="0"/>
              <a:t>Утверждены территории (зоны), подверженные риску возникновения быстроразвивающихся опасных техногенных процессов в случае аварий на опасных объектах области.</a:t>
            </a:r>
            <a:endParaRPr lang="en-US" b="1" dirty="0">
              <a:solidFill>
                <a:schemeClr val="tx1"/>
              </a:solidFill>
              <a:latin typeface="Arial" pitchFamily="34" charset="0"/>
              <a:ea typeface="Roboto Black" pitchFamily="2" charset="0"/>
              <a:cs typeface="Arial" pitchFamily="34" charset="0"/>
            </a:endParaRPr>
          </a:p>
        </p:txBody>
      </p:sp>
      <p:pic>
        <p:nvPicPr>
          <p:cNvPr id="28" name="Picture 19" descr="R_chevron001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85918" y="3214686"/>
            <a:ext cx="412750" cy="4667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9" name="Picture 20" descr="R_chevron001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29058" y="3214686"/>
            <a:ext cx="412750" cy="4667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" name="Picture 6" descr="http://lipetskinfo.ru/photo/theme/042/155/main.jpg"/>
          <p:cNvPicPr>
            <a:picLocks noChangeAspect="1" noChangeArrowheads="1"/>
          </p:cNvPicPr>
          <p:nvPr/>
        </p:nvPicPr>
        <p:blipFill>
          <a:blip r:embed="rId8"/>
          <a:srcRect/>
          <a:stretch>
            <a:fillRect/>
          </a:stretch>
        </p:blipFill>
        <p:spPr bwMode="auto">
          <a:xfrm>
            <a:off x="142844" y="428604"/>
            <a:ext cx="2548598" cy="228601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31" name="Прямоугольник 30"/>
          <p:cNvSpPr/>
          <p:nvPr/>
        </p:nvSpPr>
        <p:spPr>
          <a:xfrm>
            <a:off x="928662" y="5929330"/>
            <a:ext cx="7286676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ru-RU" b="1" dirty="0" smtClean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Всего в данных зонах проживает свыше 16 тысяч человек.</a:t>
            </a:r>
            <a:endParaRPr lang="ru-RU" dirty="0">
              <a:solidFill>
                <a:srgbClr val="C00000"/>
              </a:solidFill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08321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9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0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500"/>
                            </p:stCondLst>
                            <p:childTnLst>
                              <p:par>
                                <p:cTn id="14" presetID="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2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2000"/>
                            </p:stCondLst>
                            <p:childTnLst>
                              <p:par>
                                <p:cTn id="19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21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2500"/>
                            </p:stCondLst>
                            <p:childTnLst>
                              <p:par>
                                <p:cTn id="23" presetID="19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5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7" fill="hold">
                            <p:stCondLst>
                              <p:cond delay="3500"/>
                            </p:stCondLst>
                            <p:childTnLst>
                              <p:par>
                                <p:cTn id="28" presetID="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0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1" dur="500" fill="hold"/>
                                        <p:tgtEl>
                                          <p:spTgt spid="2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4000"/>
                            </p:stCondLst>
                            <p:childTnLst>
                              <p:par>
                                <p:cTn id="33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5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4500"/>
                            </p:stCondLst>
                            <p:childTnLst>
                              <p:par>
                                <p:cTn id="37" presetID="19" presetClass="entr" presetSubtype="1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9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10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5500"/>
                            </p:stCondLst>
                            <p:childTnLst>
                              <p:par>
                                <p:cTn id="42" presetID="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4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5" dur="500" fill="hold"/>
                                        <p:tgtEl>
                                          <p:spTgt spid="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6" fill="hold">
                            <p:stCondLst>
                              <p:cond delay="6000"/>
                            </p:stCondLst>
                            <p:childTnLst>
                              <p:par>
                                <p:cTn id="47" presetID="2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9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0" fill="hold">
                            <p:stCondLst>
                              <p:cond delay="6500"/>
                            </p:stCondLst>
                            <p:childTnLst>
                              <p:par>
                                <p:cTn id="51" presetID="19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3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4" dur="10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7500"/>
                            </p:stCondLst>
                            <p:childTnLst>
                              <p:par>
                                <p:cTn id="56" presetID="2" presetClass="entr" presetSubtype="4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8" dur="10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9" dur="1000" fill="hold"/>
                                        <p:tgtEl>
                                          <p:spTgt spid="3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 animBg="1"/>
      <p:bldP spid="18" grpId="0"/>
      <p:bldP spid="19" grpId="0"/>
      <p:bldP spid="20" grpId="0"/>
      <p:bldP spid="21" grpId="0"/>
      <p:bldP spid="24" grpId="0"/>
      <p:bldP spid="25" grpId="0"/>
      <p:bldP spid="26" grpId="0"/>
      <p:bldP spid="31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Pr>
        <a:blipFill dpi="0" rotWithShape="1">
          <a:blip r:embed="rId4">
            <a:lum/>
          </a:blip>
          <a:srcRect/>
          <a:stretch>
            <a:fillRect t="-2000" b="-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Picture 6" descr="http://oblast48.ru/wp-content/gallery/lipeck-spravochnaya/lipetsk_avtovokzal.jpg"/>
          <p:cNvPicPr>
            <a:picLocks noChangeAspect="1" noChangeArrowheads="1"/>
          </p:cNvPicPr>
          <p:nvPr/>
        </p:nvPicPr>
        <p:blipFill>
          <a:blip r:embed="rId5"/>
          <a:srcRect/>
          <a:stretch>
            <a:fillRect/>
          </a:stretch>
        </p:blipFill>
        <p:spPr bwMode="auto">
          <a:xfrm>
            <a:off x="4643438" y="3071810"/>
            <a:ext cx="4357687" cy="3214710"/>
          </a:xfrm>
          <a:prstGeom prst="rect">
            <a:avLst/>
          </a:prstGeom>
          <a:noFill/>
          <a:ln w="9525">
            <a:solidFill>
              <a:schemeClr val="accent2"/>
            </a:solidFill>
            <a:miter lim="800000"/>
            <a:headEnd/>
            <a:tailEnd/>
          </a:ln>
        </p:spPr>
      </p:pic>
      <p:sp>
        <p:nvSpPr>
          <p:cNvPr id="7" name="object 7"/>
          <p:cNvSpPr/>
          <p:nvPr/>
        </p:nvSpPr>
        <p:spPr>
          <a:xfrm>
            <a:off x="0" y="377441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5"/>
          <p:cNvSpPr/>
          <p:nvPr/>
        </p:nvSpPr>
        <p:spPr>
          <a:xfrm>
            <a:off x="8168305" y="5938259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0" y="6526064"/>
            <a:ext cx="605119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18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18" name="Прямоугольник 17"/>
          <p:cNvSpPr/>
          <p:nvPr/>
        </p:nvSpPr>
        <p:spPr>
          <a:xfrm>
            <a:off x="214282" y="642918"/>
            <a:ext cx="8715436" cy="2540015"/>
          </a:xfrm>
          <a:prstGeom prst="rect">
            <a:avLst/>
          </a:prstGeom>
        </p:spPr>
        <p:txBody>
          <a:bodyPr wrap="square" lIns="46570" tIns="23285" rIns="46570" bIns="23285">
            <a:spAutoFit/>
          </a:bodyPr>
          <a:lstStyle/>
          <a:p>
            <a:pPr algn="just"/>
            <a:r>
              <a:rPr lang="ru-RU" b="1" dirty="0">
                <a:latin typeface="Arial" pitchFamily="34" charset="0"/>
                <a:cs typeface="Arial" pitchFamily="34" charset="0"/>
              </a:rPr>
              <a:t>Отделом связи и информационных технологий создана </a:t>
            </a:r>
            <a:r>
              <a:rPr lang="ru-RU" b="1" dirty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общероссийская комплексная система информирования и оповещения населения 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в местах массового пребывания людей </a:t>
            </a:r>
            <a:r>
              <a:rPr lang="ru-RU" b="1" dirty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«ОКСИОН» 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в г. Липецке. На экранах прокручиваются видеоролики (пропаганда единого телефона доверия, организация информирования населения по вопросам жизнедеятельности, техногенные пожары, ведение поисковых работ пропавших людей, приближение купального сезона и т.д.) в ТД «Карусель</a:t>
            </a:r>
            <a:r>
              <a:rPr lang="ru-RU" b="1" dirty="0" smtClean="0">
                <a:latin typeface="Arial" pitchFamily="34" charset="0"/>
                <a:cs typeface="Arial" pitchFamily="34" charset="0"/>
              </a:rPr>
              <a:t>»,  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автовокзале </a:t>
            </a:r>
            <a:r>
              <a:rPr lang="ru-RU" b="1" dirty="0" smtClean="0">
                <a:latin typeface="Arial" pitchFamily="34" charset="0"/>
                <a:cs typeface="Arial" pitchFamily="34" charset="0"/>
              </a:rPr>
              <a:t> и  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железнодорожном </a:t>
            </a:r>
            <a:r>
              <a:rPr lang="ru-RU" b="1" dirty="0" smtClean="0">
                <a:latin typeface="Arial" pitchFamily="34" charset="0"/>
                <a:cs typeface="Arial" pitchFamily="34" charset="0"/>
              </a:rPr>
              <a:t> вокзале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.</a:t>
            </a:r>
          </a:p>
          <a:p>
            <a:endParaRPr lang="ru-RU" b="1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9" name="Picture 2" descr="https://club.olympus.com.ru/image/2080/topic/2015/02/01/935482fe09.jpg"/>
          <p:cNvPicPr>
            <a:picLocks noChangeAspect="1" noChangeArrowheads="1"/>
          </p:cNvPicPr>
          <p:nvPr/>
        </p:nvPicPr>
        <p:blipFill>
          <a:blip r:embed="rId6"/>
          <a:srcRect/>
          <a:stretch>
            <a:fillRect/>
          </a:stretch>
        </p:blipFill>
        <p:spPr bwMode="auto">
          <a:xfrm>
            <a:off x="142844" y="3071810"/>
            <a:ext cx="4429126" cy="3214710"/>
          </a:xfrm>
          <a:prstGeom prst="rect">
            <a:avLst/>
          </a:prstGeom>
          <a:noFill/>
          <a:ln w="9525">
            <a:solidFill>
              <a:schemeClr val="accent2"/>
            </a:solidFill>
            <a:miter lim="800000"/>
            <a:headEnd/>
            <a:tailEnd/>
          </a:ln>
        </p:spPr>
      </p:pic>
      <p:sp>
        <p:nvSpPr>
          <p:cNvPr id="12" name="object 8"/>
          <p:cNvSpPr txBox="1">
            <a:spLocks/>
          </p:cNvSpPr>
          <p:nvPr/>
        </p:nvSpPr>
        <p:spPr>
          <a:xfrm>
            <a:off x="231992" y="0"/>
            <a:ext cx="891200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0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</a:t>
            </a: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Вопрос 1</a:t>
            </a:r>
            <a:endParaRPr kumimoji="0" lang="ru-RU" sz="1800" b="0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535050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7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19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130049" name="Rectangle 1"/>
          <p:cNvSpPr>
            <a:spLocks noChangeArrowheads="1"/>
          </p:cNvSpPr>
          <p:nvPr/>
        </p:nvSpPr>
        <p:spPr bwMode="auto">
          <a:xfrm>
            <a:off x="214282" y="785794"/>
            <a:ext cx="8715436" cy="50783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 случае опасности люди своевременно получат нужную информацию, в том числе и через экраны ОКСИОН. Терминальные комплексы ОКСИОН работают в повседневном режиме, в связи с чем, организовано круглосуточное дежурство специалистов, занимающихся обеспечением эффективности функционирования системы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омимо средств информирования и оповещения терминальные комплексы оснащаются стационарными и поворотными камерами видеонаблюдения, датчиками радиационного и химического контроля, системами звукового информирования населения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 режиме повседневной деятельности видеозаписи хранятся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 течение 7-ми дней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 архиве управляющего компьютера терминального комплекса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 режиме повышенной готовности и режиме чрезвычайной ситуации функционирование ОКСИОН заключается в оперативном информировании населения о необходимых действиях в сложившейся обстановке с целью минимизации возможного ущерба от чрезвычайных ситуаций природного или техногенного характера, а также террористических акций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-13447" y="390166"/>
            <a:ext cx="9157448" cy="6508230"/>
            <a:chOff x="-29565" y="598733"/>
            <a:chExt cx="20133667" cy="10732552"/>
          </a:xfrm>
          <a:solidFill>
            <a:schemeClr val="bg1">
              <a:lumMod val="50000"/>
            </a:schemeClr>
          </a:solidFill>
        </p:grpSpPr>
        <p:sp>
          <p:nvSpPr>
            <p:cNvPr id="4" name="object 4"/>
            <p:cNvSpPr/>
            <p:nvPr/>
          </p:nvSpPr>
          <p:spPr>
            <a:xfrm>
              <a:off x="-29565" y="10656317"/>
              <a:ext cx="20104100" cy="653033"/>
            </a:xfrm>
            <a:custGeom>
              <a:avLst/>
              <a:gdLst/>
              <a:ahLst/>
              <a:cxnLst/>
              <a:rect l="l" t="t" r="r" b="b"/>
              <a:pathLst>
                <a:path w="20104100" h="838200">
                  <a:moveTo>
                    <a:pt x="20104099" y="0"/>
                  </a:moveTo>
                  <a:lnTo>
                    <a:pt x="0" y="0"/>
                  </a:lnTo>
                  <a:lnTo>
                    <a:pt x="0" y="837670"/>
                  </a:lnTo>
                  <a:lnTo>
                    <a:pt x="20104099" y="837670"/>
                  </a:lnTo>
                  <a:lnTo>
                    <a:pt x="20104099" y="0"/>
                  </a:lnTo>
                  <a:close/>
                </a:path>
              </a:pathLst>
            </a:custGeom>
            <a:grpFill/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" name="object 5"/>
            <p:cNvSpPr/>
            <p:nvPr/>
          </p:nvSpPr>
          <p:spPr>
            <a:xfrm>
              <a:off x="17958926" y="9801437"/>
              <a:ext cx="2145176" cy="1529848"/>
            </a:xfrm>
            <a:custGeom>
              <a:avLst/>
              <a:gdLst/>
              <a:ahLst/>
              <a:cxnLst/>
              <a:rect l="l" t="t" r="r" b="b"/>
              <a:pathLst>
                <a:path w="2167890" h="2167890">
                  <a:moveTo>
                    <a:pt x="2167473" y="0"/>
                  </a:moveTo>
                  <a:lnTo>
                    <a:pt x="0" y="2167462"/>
                  </a:lnTo>
                  <a:lnTo>
                    <a:pt x="2167473" y="2167462"/>
                  </a:lnTo>
                  <a:lnTo>
                    <a:pt x="2167473" y="0"/>
                  </a:lnTo>
                  <a:close/>
                </a:path>
              </a:pathLst>
            </a:custGeom>
            <a:solidFill>
              <a:srgbClr val="C0000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7" name="object 7"/>
            <p:cNvSpPr/>
            <p:nvPr/>
          </p:nvSpPr>
          <p:spPr>
            <a:xfrm>
              <a:off x="0" y="598733"/>
              <a:ext cx="20104100" cy="0"/>
            </a:xfrm>
            <a:custGeom>
              <a:avLst/>
              <a:gdLst/>
              <a:ahLst/>
              <a:cxnLst/>
              <a:rect l="l" t="t" r="r" b="b"/>
              <a:pathLst>
                <a:path w="20104100">
                  <a:moveTo>
                    <a:pt x="0" y="0"/>
                  </a:moveTo>
                  <a:lnTo>
                    <a:pt x="20104099" y="0"/>
                  </a:lnTo>
                </a:path>
              </a:pathLst>
            </a:custGeom>
            <a:grpFill/>
            <a:ln w="29684">
              <a:solidFill>
                <a:srgbClr val="C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610600" y="6519652"/>
            <a:ext cx="419896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2</a:t>
            </a:fld>
            <a:endParaRPr sz="1400" spc="10" dirty="0">
              <a:solidFill>
                <a:schemeClr val="bg1"/>
              </a:solidFill>
            </a:endParaRPr>
          </a:p>
        </p:txBody>
      </p:sp>
      <p:pic>
        <p:nvPicPr>
          <p:cNvPr id="12" name="Picture 7" descr="http://www.diaconia.ru/files/537b48/ff416d/a16545/8b4569/navodnenie_v_serbii.jpg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928662" y="1714488"/>
            <a:ext cx="7286626" cy="5000660"/>
          </a:xfrm>
          <a:prstGeom prst="rect">
            <a:avLst/>
          </a:prstGeom>
          <a:noFill/>
          <a:ln>
            <a:solidFill>
              <a:schemeClr val="accent6"/>
            </a:solidFill>
          </a:ln>
        </p:spPr>
      </p:pic>
      <p:sp>
        <p:nvSpPr>
          <p:cNvPr id="92161" name="Rectangle 1"/>
          <p:cNvSpPr>
            <a:spLocks noChangeArrowheads="1"/>
          </p:cNvSpPr>
          <p:nvPr/>
        </p:nvSpPr>
        <p:spPr bwMode="auto">
          <a:xfrm>
            <a:off x="928662" y="571480"/>
            <a:ext cx="7286676" cy="135421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32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орядок действий населения </a:t>
            </a:r>
          </a:p>
          <a:p>
            <a:pPr marL="0" marR="0" lvl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32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о </a:t>
            </a:r>
            <a:r>
              <a:rPr kumimoji="0" lang="ru-RU" sz="32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игналу </a:t>
            </a:r>
            <a:r>
              <a:rPr kumimoji="0" lang="ru-RU" sz="32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оповещения</a:t>
            </a:r>
            <a:endParaRPr kumimoji="0" lang="ru-RU" sz="3200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ru-RU" sz="1800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159713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20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128001" name="Rectangle 1"/>
          <p:cNvSpPr>
            <a:spLocks noChangeArrowheads="1"/>
          </p:cNvSpPr>
          <p:nvPr/>
        </p:nvSpPr>
        <p:spPr bwMode="auto">
          <a:xfrm>
            <a:off x="214282" y="857232"/>
            <a:ext cx="8715436" cy="50783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месте с тем, в период окончательной стадии ликвидации чрезвычайной ситуации, функционирование ОКСИОН заключается в информировании населения в ходе его социальной реабилитации, обеспечения морально-психологической поддержки, ослабления и снятия </a:t>
            </a:r>
            <a:r>
              <a:rPr kumimoji="0" lang="ru-RU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осткризисных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осложнений. Также осуществляется предоставление необходимой информации по местам расположения центров и служб социально-психологической реабилитации, медицинской помощи, первичного жизнеобеспечения, «горячим линиям» и адресным пунктам поиска близких и родственников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ОКСИОН – составной элемент комплексной системы обеспечения безопасности жизнедеятельности населения, который может входить в состав системы «Безопасный город», «Безопасный регион» и других комплексов для безопасности людей и городских инфраструктур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истема оповещения ОКСИОН позволяет сократить сроки доведения до населения необходимой информации, что дает возможность оперативно информировать людей о необходимых действиях в случае возникновения чрезвычайной ситуации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1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 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5" descr="https://i.siteapi.org/4pwJoLEJWcODuTGrDiVbsNhOLpE=/fit-in/1024x768/center/top/389b3b33e17cb3c.s.siteapi.org/img/esvvjccx5tkwwsg04ws80sc8ow8o0o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6072198" y="2857496"/>
            <a:ext cx="2857530" cy="400050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8" name="Rectangle 1"/>
          <p:cNvSpPr>
            <a:spLocks noChangeArrowheads="1"/>
          </p:cNvSpPr>
          <p:nvPr/>
        </p:nvSpPr>
        <p:spPr bwMode="auto">
          <a:xfrm>
            <a:off x="0" y="357166"/>
            <a:ext cx="9144000" cy="707886"/>
          </a:xfrm>
          <a:prstGeom prst="rect">
            <a:avLst/>
          </a:prstGeom>
          <a:solidFill>
            <a:schemeClr val="accent3">
              <a:lumMod val="95000"/>
            </a:schemeClr>
          </a:solidFill>
          <a:ln w="9525">
            <a:noFill/>
            <a:miter lim="800000"/>
            <a:headEnd/>
            <a:tailEnd/>
          </a:ln>
          <a:effectLst>
            <a:prstShdw prst="shdw17" dist="17961" dir="2700000">
              <a:srgbClr val="999999"/>
            </a:prstShdw>
          </a:effectLst>
        </p:spPr>
        <p:txBody>
          <a:bodyPr wrap="square" anchor="ctr">
            <a:spAutoFit/>
          </a:bodyPr>
          <a:lstStyle/>
          <a:p>
            <a:pPr indent="457200" algn="ctr">
              <a:defRPr/>
            </a:pPr>
            <a:r>
              <a:rPr lang="ru-RU" altLang="ru-RU" sz="2000" b="1" dirty="0">
                <a:solidFill>
                  <a:srgbClr val="C00000"/>
                </a:solidFill>
                <a:cs typeface="Times New Roman" pitchFamily="18" charset="0"/>
              </a:rPr>
              <a:t>Комплексная система обеспечения безопасности жизнедеятельности населения</a:t>
            </a:r>
            <a:endParaRPr lang="ru-RU" altLang="ru-RU" sz="2000" dirty="0">
              <a:solidFill>
                <a:srgbClr val="C00000"/>
              </a:solidFill>
            </a:endParaRPr>
          </a:p>
        </p:txBody>
      </p:sp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21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13" name="Прямоугольник 12"/>
          <p:cNvSpPr/>
          <p:nvPr/>
        </p:nvSpPr>
        <p:spPr>
          <a:xfrm>
            <a:off x="214282" y="1071546"/>
            <a:ext cx="8715436" cy="175432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 eaLnBrk="1" hangingPunct="1">
              <a:defRPr/>
            </a:pPr>
            <a:r>
              <a:rPr lang="ru-RU" altLang="ru-RU" b="1" dirty="0" smtClean="0"/>
              <a:t>В </a:t>
            </a:r>
            <a:r>
              <a:rPr lang="ru-RU" altLang="ru-RU" b="1" dirty="0"/>
              <a:t>2014 году на территории Липецкой области в рамках реализации федеральной целевой программы «Снижение рисков и смягчение последствий чрезвычайных ситуаций природного и техногенного характера в Российской Федерации до 2015 года» в г. Липецке в микрорайоне «Университетский» создана комплексная система обеспечения безопасности жизнедеятельности населения. </a:t>
            </a:r>
          </a:p>
        </p:txBody>
      </p:sp>
      <p:pic>
        <p:nvPicPr>
          <p:cNvPr id="14" name="Picture 3" descr="http://rss48.ru/images/Mkr_Universitetsky/un_1.jpg"/>
          <p:cNvPicPr>
            <a:picLocks noChangeAspect="1" noChangeArrowheads="1"/>
          </p:cNvPicPr>
          <p:nvPr/>
        </p:nvPicPr>
        <p:blipFill>
          <a:blip r:embed="rId5"/>
          <a:srcRect/>
          <a:stretch>
            <a:fillRect/>
          </a:stretch>
        </p:blipFill>
        <p:spPr bwMode="auto">
          <a:xfrm>
            <a:off x="214282" y="2857496"/>
            <a:ext cx="5715000" cy="36433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22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134145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50783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Комплексная система представляет собой сопряженную с региональной автоматизированной системой централизованного оповещения населения Липецкой области систему, которая позволяет не только проводить оповещение населения посредством доведения сигнала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«Внимание всем»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и передачи речевых сообщений. Данная система имеет возможность информирования и оповещения населения посредством </a:t>
            </a:r>
            <a:r>
              <a:rPr kumimoji="0" lang="ru-RU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домофонов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, установленных в подъездах (при входе и выходе из подъезда) и в квартирах жителей (одновременно во всех квартирах оповещаемого подъезда без необходимости снятия трубки </a:t>
            </a:r>
            <a:r>
              <a:rPr kumimoji="0" lang="ru-RU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домофона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). А также позволяет организовать оповещение и информирование посредством громкоговорящей связи в лифтовых кабинах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осредством </a:t>
            </a:r>
            <a:r>
              <a:rPr kumimoji="0" lang="ru-RU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домофонов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Комплексная система позволяет осуществить вызов экстренных оперативных служб по единому номеру «112». При этом при вызове с клавиатуры </a:t>
            </a:r>
            <a:r>
              <a:rPr kumimoji="0" lang="ru-RU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домофона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в подъезде диспетчер осуществляет визуальный контроль вызывающего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одсистема визуального контроля кроме видеокамер, установленных в </a:t>
            </a:r>
            <a:r>
              <a:rPr kumimoji="0" lang="ru-RU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домофонах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, состоит также из сети камер видеонаблюдения, расположенных в микрорайоне, с покрытием всей его территории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23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136193" name="Rectangle 1"/>
          <p:cNvSpPr>
            <a:spLocks noChangeArrowheads="1"/>
          </p:cNvSpPr>
          <p:nvPr/>
        </p:nvSpPr>
        <p:spPr bwMode="auto">
          <a:xfrm>
            <a:off x="214282" y="857232"/>
            <a:ext cx="8715436" cy="480131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 рамках Комплексной системы реализовано создание удаленных точек доступа к камерам для дежурных для служб жизнеобеспечения и силовых структур. Видеоинформация доступна круглосуточно в режиме реального времени. При соответствующей регистрации доступ к камерам могут получить жители микрорайона. Также осуществляется запись и хранение видеоинформации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роект застройки микрорайона «Университетский» взят за основу строительства всех новых жилых кварталов Липецка. Постановлением администрации г. Липецка (от 11.06.2014 г. №1270) закреплено создание Комплексной системы на этапе разработки проектной документации территориального планирования, что учитывается в настоящее время при проведении государственной экспертизы архитектурных проектов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о примеру микрорайона «Университетский» все новостройки и дома в городе Липецке,  в  которых  проводится  капитальный ремонт,  будут  охвачены системой оповещения и информирования населения, с покрытием системой РАСЦО, созданием </a:t>
            </a:r>
            <a:r>
              <a:rPr kumimoji="0" lang="ru-RU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идеополя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и выводом информации в МЧС, МВД и ФСБ России. 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77441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 txBox="1">
            <a:spLocks noGrp="1"/>
          </p:cNvSpPr>
          <p:nvPr>
            <p:ph type="title"/>
          </p:nvPr>
        </p:nvSpPr>
        <p:spPr>
          <a:xfrm>
            <a:off x="255770" y="49306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>
              <a:spcBef>
                <a:spcPts val="53"/>
              </a:spcBef>
            </a:pPr>
            <a:r>
              <a:rPr lang="ru-RU" b="1" cap="all" spc="-10" dirty="0">
                <a:latin typeface="Roboto" pitchFamily="2" charset="0"/>
                <a:ea typeface="Roboto" pitchFamily="2" charset="0"/>
              </a:rPr>
              <a:t>Вопрос </a:t>
            </a:r>
            <a:r>
              <a:rPr lang="ru-RU" b="1" cap="all" spc="-10" dirty="0" smtClean="0">
                <a:latin typeface="Roboto" pitchFamily="2" charset="0"/>
                <a:ea typeface="Roboto" pitchFamily="2" charset="0"/>
              </a:rPr>
              <a:t>2</a:t>
            </a:r>
            <a:endParaRPr b="1" cap="all" spc="-10" dirty="0">
              <a:latin typeface="Roboto" pitchFamily="2" charset="0"/>
              <a:ea typeface="Roboto" pitchFamily="2" charset="0"/>
            </a:endParaRPr>
          </a:p>
        </p:txBody>
      </p:sp>
      <p:sp>
        <p:nvSpPr>
          <p:cNvPr id="24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14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19652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24</a:t>
            </a:fld>
            <a:endParaRPr sz="1400" spc="10" dirty="0">
              <a:solidFill>
                <a:schemeClr val="bg1"/>
              </a:solidFill>
            </a:endParaRPr>
          </a:p>
        </p:txBody>
      </p:sp>
      <p:cxnSp>
        <p:nvCxnSpPr>
          <p:cNvPr id="17" name="直接连接符 6"/>
          <p:cNvCxnSpPr/>
          <p:nvPr/>
        </p:nvCxnSpPr>
        <p:spPr>
          <a:xfrm flipV="1">
            <a:off x="1991079" y="1447802"/>
            <a:ext cx="3294" cy="1752598"/>
          </a:xfrm>
          <a:prstGeom prst="line">
            <a:avLst/>
          </a:prstGeom>
          <a:ln w="12700">
            <a:solidFill>
              <a:schemeClr val="tx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" name="组合 3"/>
          <p:cNvGrpSpPr/>
          <p:nvPr/>
        </p:nvGrpSpPr>
        <p:grpSpPr>
          <a:xfrm>
            <a:off x="372054" y="1522584"/>
            <a:ext cx="1440566" cy="1502464"/>
            <a:chOff x="1068965" y="491752"/>
            <a:chExt cx="1197175" cy="1197175"/>
          </a:xfrm>
        </p:grpSpPr>
        <p:grpSp>
          <p:nvGrpSpPr>
            <p:cNvPr id="3" name="组合 14"/>
            <p:cNvGrpSpPr/>
            <p:nvPr/>
          </p:nvGrpSpPr>
          <p:grpSpPr>
            <a:xfrm>
              <a:off x="1068965" y="491752"/>
              <a:ext cx="1197175" cy="1197175"/>
              <a:chOff x="304800" y="673100"/>
              <a:chExt cx="4000500" cy="4000500"/>
            </a:xfrm>
            <a:effectLst>
              <a:outerShdw blurRad="444500" dist="254000" dir="8100000" algn="tr" rotWithShape="0">
                <a:prstClr val="black">
                  <a:alpha val="50000"/>
                </a:prstClr>
              </a:outerShdw>
            </a:effectLst>
          </p:grpSpPr>
          <p:sp>
            <p:nvSpPr>
              <p:cNvPr id="22" name="同心圆 15"/>
              <p:cNvSpPr/>
              <p:nvPr/>
            </p:nvSpPr>
            <p:spPr>
              <a:xfrm>
                <a:off x="304800" y="673100"/>
                <a:ext cx="4000500" cy="4000500"/>
              </a:xfrm>
              <a:prstGeom prst="donut">
                <a:avLst>
                  <a:gd name="adj" fmla="val 4879"/>
                </a:avLst>
              </a:prstGeom>
              <a:gradFill>
                <a:gsLst>
                  <a:gs pos="0">
                    <a:schemeClr val="bg1"/>
                  </a:gs>
                  <a:gs pos="55000">
                    <a:schemeClr val="bg1">
                      <a:lumMod val="95000"/>
                    </a:schemeClr>
                  </a:gs>
                  <a:gs pos="100000">
                    <a:schemeClr val="bg1">
                      <a:lumMod val="65000"/>
                    </a:schemeClr>
                  </a:gs>
                </a:gsLst>
                <a:lin ang="8100000" scaled="0"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 defTabSz="465680"/>
                <a:endParaRPr lang="zh-CN" altLang="en-US" sz="2400">
                  <a:solidFill>
                    <a:prstClr val="black"/>
                  </a:solidFill>
                  <a:latin typeface="Roboto Black" pitchFamily="2" charset="0"/>
                </a:endParaRPr>
              </a:p>
            </p:txBody>
          </p:sp>
          <p:sp>
            <p:nvSpPr>
              <p:cNvPr id="23" name="椭圆 16"/>
              <p:cNvSpPr/>
              <p:nvPr/>
            </p:nvSpPr>
            <p:spPr>
              <a:xfrm>
                <a:off x="392112" y="760412"/>
                <a:ext cx="3825874" cy="3825874"/>
              </a:xfrm>
              <a:prstGeom prst="ellipse">
                <a:avLst/>
              </a:prstGeom>
              <a:gradFill>
                <a:gsLst>
                  <a:gs pos="0">
                    <a:schemeClr val="bg1"/>
                  </a:gs>
                  <a:gs pos="51000">
                    <a:schemeClr val="bg1">
                      <a:lumMod val="95000"/>
                    </a:schemeClr>
                  </a:gs>
                  <a:gs pos="100000">
                    <a:schemeClr val="bg1">
                      <a:lumMod val="75000"/>
                    </a:schemeClr>
                  </a:gs>
                </a:gsLst>
                <a:lin ang="18900000" scaled="0"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 defTabSz="465680"/>
                <a:endParaRPr lang="zh-CN" altLang="en-US" sz="3200">
                  <a:solidFill>
                    <a:prstClr val="white"/>
                  </a:solidFill>
                  <a:latin typeface="Roboto Black" pitchFamily="2" charset="0"/>
                </a:endParaRPr>
              </a:p>
            </p:txBody>
          </p:sp>
        </p:grpSp>
        <p:sp>
          <p:nvSpPr>
            <p:cNvPr id="21" name="KSO_Shape"/>
            <p:cNvSpPr>
              <a:spLocks/>
            </p:cNvSpPr>
            <p:nvPr/>
          </p:nvSpPr>
          <p:spPr bwMode="auto">
            <a:xfrm>
              <a:off x="1103170" y="685570"/>
              <a:ext cx="1136841" cy="792088"/>
            </a:xfrm>
            <a:custGeom>
              <a:avLst/>
              <a:gdLst>
                <a:gd name="T0" fmla="*/ 2147483646 w 112"/>
                <a:gd name="T1" fmla="*/ 2147483646 h 77"/>
                <a:gd name="T2" fmla="*/ 2147483646 w 112"/>
                <a:gd name="T3" fmla="*/ 2147483646 h 77"/>
                <a:gd name="T4" fmla="*/ 2147483646 w 112"/>
                <a:gd name="T5" fmla="*/ 2147483646 h 77"/>
                <a:gd name="T6" fmla="*/ 2147483646 w 112"/>
                <a:gd name="T7" fmla="*/ 2147483646 h 77"/>
                <a:gd name="T8" fmla="*/ 2147483646 w 112"/>
                <a:gd name="T9" fmla="*/ 2147483646 h 77"/>
                <a:gd name="T10" fmla="*/ 0 w 112"/>
                <a:gd name="T11" fmla="*/ 2147483646 h 77"/>
                <a:gd name="T12" fmla="*/ 2147483646 w 112"/>
                <a:gd name="T13" fmla="*/ 2147483646 h 77"/>
                <a:gd name="T14" fmla="*/ 2147483646 w 112"/>
                <a:gd name="T15" fmla="*/ 2147483646 h 77"/>
                <a:gd name="T16" fmla="*/ 2147483646 w 112"/>
                <a:gd name="T17" fmla="*/ 2147483646 h 77"/>
                <a:gd name="T18" fmla="*/ 2147483646 w 112"/>
                <a:gd name="T19" fmla="*/ 2147483646 h 77"/>
                <a:gd name="T20" fmla="*/ 2147483646 w 112"/>
                <a:gd name="T21" fmla="*/ 2147483646 h 77"/>
                <a:gd name="T22" fmla="*/ 2147483646 w 112"/>
                <a:gd name="T23" fmla="*/ 2147483646 h 77"/>
                <a:gd name="T24" fmla="*/ 2147483646 w 112"/>
                <a:gd name="T25" fmla="*/ 2147483646 h 77"/>
                <a:gd name="T26" fmla="*/ 2147483646 w 112"/>
                <a:gd name="T27" fmla="*/ 2147483646 h 77"/>
                <a:gd name="T28" fmla="*/ 2147483646 w 112"/>
                <a:gd name="T29" fmla="*/ 2147483646 h 77"/>
                <a:gd name="T30" fmla="*/ 2147483646 w 112"/>
                <a:gd name="T31" fmla="*/ 2147483646 h 77"/>
                <a:gd name="T32" fmla="*/ 2147483646 w 112"/>
                <a:gd name="T33" fmla="*/ 2147483646 h 77"/>
                <a:gd name="T34" fmla="*/ 2147483646 w 112"/>
                <a:gd name="T35" fmla="*/ 2147483646 h 77"/>
                <a:gd name="T36" fmla="*/ 2147483646 w 112"/>
                <a:gd name="T37" fmla="*/ 2147483646 h 77"/>
                <a:gd name="T38" fmla="*/ 2147483646 w 112"/>
                <a:gd name="T39" fmla="*/ 2147483646 h 77"/>
                <a:gd name="T40" fmla="*/ 2147483646 w 112"/>
                <a:gd name="T41" fmla="*/ 2147483646 h 77"/>
                <a:gd name="T42" fmla="*/ 2147483646 w 112"/>
                <a:gd name="T43" fmla="*/ 2147483646 h 77"/>
                <a:gd name="T44" fmla="*/ 2147483646 w 112"/>
                <a:gd name="T45" fmla="*/ 2147483646 h 77"/>
                <a:gd name="T46" fmla="*/ 2147483646 w 112"/>
                <a:gd name="T47" fmla="*/ 2147483646 h 77"/>
                <a:gd name="T48" fmla="*/ 2147483646 w 112"/>
                <a:gd name="T49" fmla="*/ 2147483646 h 77"/>
                <a:gd name="T50" fmla="*/ 2147483646 w 112"/>
                <a:gd name="T51" fmla="*/ 2147483646 h 77"/>
                <a:gd name="T52" fmla="*/ 2147483646 w 112"/>
                <a:gd name="T53" fmla="*/ 2147483646 h 77"/>
                <a:gd name="T54" fmla="*/ 2147483646 w 112"/>
                <a:gd name="T55" fmla="*/ 2147483646 h 77"/>
                <a:gd name="T56" fmla="*/ 2147483646 w 112"/>
                <a:gd name="T57" fmla="*/ 2147483646 h 77"/>
                <a:gd name="T58" fmla="*/ 2147483646 w 112"/>
                <a:gd name="T59" fmla="*/ 2147483646 h 77"/>
                <a:gd name="T60" fmla="*/ 2147483646 w 112"/>
                <a:gd name="T61" fmla="*/ 2147483646 h 77"/>
                <a:gd name="T62" fmla="*/ 2147483646 w 112"/>
                <a:gd name="T63" fmla="*/ 2147483646 h 77"/>
                <a:gd name="T64" fmla="*/ 2147483646 w 112"/>
                <a:gd name="T65" fmla="*/ 2147483646 h 77"/>
                <a:gd name="T66" fmla="*/ 2147483646 w 112"/>
                <a:gd name="T67" fmla="*/ 2147483646 h 77"/>
                <a:gd name="T68" fmla="*/ 2147483646 w 112"/>
                <a:gd name="T69" fmla="*/ 2147483646 h 77"/>
                <a:gd name="T70" fmla="*/ 2147483646 w 112"/>
                <a:gd name="T71" fmla="*/ 2147483646 h 77"/>
                <a:gd name="T72" fmla="*/ 2147483646 w 112"/>
                <a:gd name="T73" fmla="*/ 2147483646 h 77"/>
                <a:gd name="T74" fmla="*/ 2147483646 w 112"/>
                <a:gd name="T75" fmla="*/ 2147483646 h 77"/>
                <a:gd name="T76" fmla="*/ 2147483646 w 112"/>
                <a:gd name="T77" fmla="*/ 2147483646 h 77"/>
                <a:gd name="T78" fmla="*/ 2147483646 w 112"/>
                <a:gd name="T79" fmla="*/ 2147483646 h 77"/>
                <a:gd name="T80" fmla="*/ 2147483646 w 112"/>
                <a:gd name="T81" fmla="*/ 2147483646 h 77"/>
                <a:gd name="T82" fmla="*/ 2147483646 w 112"/>
                <a:gd name="T83" fmla="*/ 2147483646 h 77"/>
                <a:gd name="T84" fmla="*/ 2147483646 w 112"/>
                <a:gd name="T85" fmla="*/ 2147483646 h 77"/>
                <a:gd name="T86" fmla="*/ 2147483646 w 112"/>
                <a:gd name="T87" fmla="*/ 2147483646 h 77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60000 65536"/>
                <a:gd name="T106" fmla="*/ 0 60000 65536"/>
                <a:gd name="T107" fmla="*/ 0 60000 65536"/>
                <a:gd name="T108" fmla="*/ 0 60000 65536"/>
                <a:gd name="T109" fmla="*/ 0 60000 65536"/>
                <a:gd name="T110" fmla="*/ 0 60000 65536"/>
                <a:gd name="T111" fmla="*/ 0 60000 65536"/>
                <a:gd name="T112" fmla="*/ 0 60000 65536"/>
                <a:gd name="T113" fmla="*/ 0 60000 65536"/>
                <a:gd name="T114" fmla="*/ 0 60000 65536"/>
                <a:gd name="T115" fmla="*/ 0 60000 65536"/>
                <a:gd name="T116" fmla="*/ 0 60000 65536"/>
                <a:gd name="T117" fmla="*/ 0 60000 65536"/>
                <a:gd name="T118" fmla="*/ 0 60000 65536"/>
                <a:gd name="T119" fmla="*/ 0 60000 65536"/>
                <a:gd name="T120" fmla="*/ 0 60000 65536"/>
                <a:gd name="T121" fmla="*/ 0 60000 65536"/>
                <a:gd name="T122" fmla="*/ 0 60000 65536"/>
                <a:gd name="T123" fmla="*/ 0 60000 65536"/>
                <a:gd name="T124" fmla="*/ 0 60000 65536"/>
                <a:gd name="T125" fmla="*/ 0 60000 65536"/>
                <a:gd name="T126" fmla="*/ 0 60000 65536"/>
                <a:gd name="T127" fmla="*/ 0 60000 65536"/>
                <a:gd name="T128" fmla="*/ 0 60000 65536"/>
                <a:gd name="T129" fmla="*/ 0 60000 65536"/>
                <a:gd name="T130" fmla="*/ 0 60000 65536"/>
                <a:gd name="T131" fmla="*/ 0 60000 65536"/>
              </a:gdLst>
              <a:ahLst/>
              <a:cxnLst>
                <a:cxn ang="T88">
                  <a:pos x="T0" y="T1"/>
                </a:cxn>
                <a:cxn ang="T89">
                  <a:pos x="T2" y="T3"/>
                </a:cxn>
                <a:cxn ang="T90">
                  <a:pos x="T4" y="T5"/>
                </a:cxn>
                <a:cxn ang="T91">
                  <a:pos x="T6" y="T7"/>
                </a:cxn>
                <a:cxn ang="T92">
                  <a:pos x="T8" y="T9"/>
                </a:cxn>
                <a:cxn ang="T93">
                  <a:pos x="T10" y="T11"/>
                </a:cxn>
                <a:cxn ang="T94">
                  <a:pos x="T12" y="T13"/>
                </a:cxn>
                <a:cxn ang="T95">
                  <a:pos x="T14" y="T15"/>
                </a:cxn>
                <a:cxn ang="T96">
                  <a:pos x="T16" y="T17"/>
                </a:cxn>
                <a:cxn ang="T97">
                  <a:pos x="T18" y="T19"/>
                </a:cxn>
                <a:cxn ang="T98">
                  <a:pos x="T20" y="T21"/>
                </a:cxn>
                <a:cxn ang="T99">
                  <a:pos x="T22" y="T23"/>
                </a:cxn>
                <a:cxn ang="T100">
                  <a:pos x="T24" y="T25"/>
                </a:cxn>
                <a:cxn ang="T101">
                  <a:pos x="T26" y="T27"/>
                </a:cxn>
                <a:cxn ang="T102">
                  <a:pos x="T28" y="T29"/>
                </a:cxn>
                <a:cxn ang="T103">
                  <a:pos x="T30" y="T31"/>
                </a:cxn>
                <a:cxn ang="T104">
                  <a:pos x="T32" y="T33"/>
                </a:cxn>
                <a:cxn ang="T105">
                  <a:pos x="T34" y="T35"/>
                </a:cxn>
                <a:cxn ang="T106">
                  <a:pos x="T36" y="T37"/>
                </a:cxn>
                <a:cxn ang="T107">
                  <a:pos x="T38" y="T39"/>
                </a:cxn>
                <a:cxn ang="T108">
                  <a:pos x="T40" y="T41"/>
                </a:cxn>
                <a:cxn ang="T109">
                  <a:pos x="T42" y="T43"/>
                </a:cxn>
                <a:cxn ang="T110">
                  <a:pos x="T44" y="T45"/>
                </a:cxn>
                <a:cxn ang="T111">
                  <a:pos x="T46" y="T47"/>
                </a:cxn>
                <a:cxn ang="T112">
                  <a:pos x="T48" y="T49"/>
                </a:cxn>
                <a:cxn ang="T113">
                  <a:pos x="T50" y="T51"/>
                </a:cxn>
                <a:cxn ang="T114">
                  <a:pos x="T52" y="T53"/>
                </a:cxn>
                <a:cxn ang="T115">
                  <a:pos x="T54" y="T55"/>
                </a:cxn>
                <a:cxn ang="T116">
                  <a:pos x="T56" y="T57"/>
                </a:cxn>
                <a:cxn ang="T117">
                  <a:pos x="T58" y="T59"/>
                </a:cxn>
                <a:cxn ang="T118">
                  <a:pos x="T60" y="T61"/>
                </a:cxn>
                <a:cxn ang="T119">
                  <a:pos x="T62" y="T63"/>
                </a:cxn>
                <a:cxn ang="T120">
                  <a:pos x="T64" y="T65"/>
                </a:cxn>
                <a:cxn ang="T121">
                  <a:pos x="T66" y="T67"/>
                </a:cxn>
                <a:cxn ang="T122">
                  <a:pos x="T68" y="T69"/>
                </a:cxn>
                <a:cxn ang="T123">
                  <a:pos x="T70" y="T71"/>
                </a:cxn>
                <a:cxn ang="T124">
                  <a:pos x="T72" y="T73"/>
                </a:cxn>
                <a:cxn ang="T125">
                  <a:pos x="T74" y="T75"/>
                </a:cxn>
                <a:cxn ang="T126">
                  <a:pos x="T76" y="T77"/>
                </a:cxn>
                <a:cxn ang="T127">
                  <a:pos x="T78" y="T79"/>
                </a:cxn>
                <a:cxn ang="T128">
                  <a:pos x="T80" y="T81"/>
                </a:cxn>
                <a:cxn ang="T129">
                  <a:pos x="T82" y="T83"/>
                </a:cxn>
                <a:cxn ang="T130">
                  <a:pos x="T84" y="T85"/>
                </a:cxn>
                <a:cxn ang="T131">
                  <a:pos x="T86" y="T87"/>
                </a:cxn>
              </a:cxnLst>
              <a:rect l="0" t="0" r="r" b="b"/>
              <a:pathLst>
                <a:path w="112" h="77">
                  <a:moveTo>
                    <a:pt x="56" y="0"/>
                  </a:moveTo>
                  <a:cubicBezTo>
                    <a:pt x="62" y="0"/>
                    <a:pt x="66" y="4"/>
                    <a:pt x="66" y="10"/>
                  </a:cubicBezTo>
                  <a:cubicBezTo>
                    <a:pt x="66" y="15"/>
                    <a:pt x="62" y="20"/>
                    <a:pt x="56" y="20"/>
                  </a:cubicBezTo>
                  <a:cubicBezTo>
                    <a:pt x="51" y="20"/>
                    <a:pt x="46" y="15"/>
                    <a:pt x="46" y="10"/>
                  </a:cubicBezTo>
                  <a:cubicBezTo>
                    <a:pt x="46" y="4"/>
                    <a:pt x="51" y="0"/>
                    <a:pt x="56" y="0"/>
                  </a:cubicBezTo>
                  <a:close/>
                  <a:moveTo>
                    <a:pt x="15" y="49"/>
                  </a:moveTo>
                  <a:cubicBezTo>
                    <a:pt x="15" y="66"/>
                    <a:pt x="15" y="66"/>
                    <a:pt x="15" y="66"/>
                  </a:cubicBezTo>
                  <a:cubicBezTo>
                    <a:pt x="10" y="66"/>
                    <a:pt x="10" y="66"/>
                    <a:pt x="10" y="66"/>
                  </a:cubicBezTo>
                  <a:cubicBezTo>
                    <a:pt x="10" y="52"/>
                    <a:pt x="10" y="52"/>
                    <a:pt x="10" y="52"/>
                  </a:cubicBezTo>
                  <a:cubicBezTo>
                    <a:pt x="9" y="52"/>
                    <a:pt x="9" y="52"/>
                    <a:pt x="9" y="52"/>
                  </a:cubicBezTo>
                  <a:cubicBezTo>
                    <a:pt x="9" y="66"/>
                    <a:pt x="9" y="66"/>
                    <a:pt x="9" y="66"/>
                  </a:cubicBezTo>
                  <a:cubicBezTo>
                    <a:pt x="4" y="66"/>
                    <a:pt x="4" y="66"/>
                    <a:pt x="4" y="66"/>
                  </a:cubicBezTo>
                  <a:cubicBezTo>
                    <a:pt x="4" y="49"/>
                    <a:pt x="4" y="49"/>
                    <a:pt x="4" y="49"/>
                  </a:cubicBezTo>
                  <a:cubicBezTo>
                    <a:pt x="4" y="46"/>
                    <a:pt x="4" y="46"/>
                    <a:pt x="4" y="46"/>
                  </a:cubicBezTo>
                  <a:cubicBezTo>
                    <a:pt x="4" y="37"/>
                    <a:pt x="4" y="37"/>
                    <a:pt x="4" y="37"/>
                  </a:cubicBezTo>
                  <a:cubicBezTo>
                    <a:pt x="4" y="37"/>
                    <a:pt x="4" y="37"/>
                    <a:pt x="4" y="37"/>
                  </a:cubicBezTo>
                  <a:cubicBezTo>
                    <a:pt x="4" y="46"/>
                    <a:pt x="4" y="46"/>
                    <a:pt x="4" y="46"/>
                  </a:cubicBezTo>
                  <a:cubicBezTo>
                    <a:pt x="0" y="46"/>
                    <a:pt x="0" y="46"/>
                    <a:pt x="0" y="46"/>
                  </a:cubicBezTo>
                  <a:cubicBezTo>
                    <a:pt x="0" y="33"/>
                    <a:pt x="0" y="33"/>
                    <a:pt x="0" y="33"/>
                  </a:cubicBezTo>
                  <a:cubicBezTo>
                    <a:pt x="0" y="31"/>
                    <a:pt x="1" y="29"/>
                    <a:pt x="4" y="29"/>
                  </a:cubicBezTo>
                  <a:cubicBezTo>
                    <a:pt x="13" y="29"/>
                    <a:pt x="13" y="29"/>
                    <a:pt x="13" y="29"/>
                  </a:cubicBezTo>
                  <a:cubicBezTo>
                    <a:pt x="13" y="30"/>
                    <a:pt x="13" y="30"/>
                    <a:pt x="13" y="31"/>
                  </a:cubicBezTo>
                  <a:cubicBezTo>
                    <a:pt x="13" y="49"/>
                    <a:pt x="13" y="49"/>
                    <a:pt x="13" y="49"/>
                  </a:cubicBezTo>
                  <a:cubicBezTo>
                    <a:pt x="15" y="49"/>
                    <a:pt x="15" y="49"/>
                    <a:pt x="15" y="49"/>
                  </a:cubicBezTo>
                  <a:close/>
                  <a:moveTo>
                    <a:pt x="10" y="15"/>
                  </a:moveTo>
                  <a:cubicBezTo>
                    <a:pt x="13" y="15"/>
                    <a:pt x="16" y="18"/>
                    <a:pt x="16" y="22"/>
                  </a:cubicBezTo>
                  <a:cubicBezTo>
                    <a:pt x="16" y="23"/>
                    <a:pt x="16" y="24"/>
                    <a:pt x="15" y="25"/>
                  </a:cubicBezTo>
                  <a:cubicBezTo>
                    <a:pt x="15" y="26"/>
                    <a:pt x="15" y="26"/>
                    <a:pt x="14" y="26"/>
                  </a:cubicBezTo>
                  <a:cubicBezTo>
                    <a:pt x="13" y="27"/>
                    <a:pt x="12" y="28"/>
                    <a:pt x="10" y="28"/>
                  </a:cubicBezTo>
                  <a:cubicBezTo>
                    <a:pt x="6" y="28"/>
                    <a:pt x="3" y="25"/>
                    <a:pt x="3" y="22"/>
                  </a:cubicBezTo>
                  <a:cubicBezTo>
                    <a:pt x="3" y="18"/>
                    <a:pt x="6" y="15"/>
                    <a:pt x="10" y="15"/>
                  </a:cubicBezTo>
                  <a:close/>
                  <a:moveTo>
                    <a:pt x="96" y="49"/>
                  </a:moveTo>
                  <a:cubicBezTo>
                    <a:pt x="96" y="66"/>
                    <a:pt x="96" y="66"/>
                    <a:pt x="96" y="66"/>
                  </a:cubicBezTo>
                  <a:cubicBezTo>
                    <a:pt x="101" y="66"/>
                    <a:pt x="101" y="66"/>
                    <a:pt x="101" y="66"/>
                  </a:cubicBezTo>
                  <a:cubicBezTo>
                    <a:pt x="101" y="52"/>
                    <a:pt x="101" y="52"/>
                    <a:pt x="101" y="52"/>
                  </a:cubicBezTo>
                  <a:cubicBezTo>
                    <a:pt x="102" y="52"/>
                    <a:pt x="102" y="52"/>
                    <a:pt x="102" y="52"/>
                  </a:cubicBezTo>
                  <a:cubicBezTo>
                    <a:pt x="102" y="66"/>
                    <a:pt x="102" y="66"/>
                    <a:pt x="102" y="66"/>
                  </a:cubicBezTo>
                  <a:cubicBezTo>
                    <a:pt x="107" y="66"/>
                    <a:pt x="107" y="66"/>
                    <a:pt x="107" y="66"/>
                  </a:cubicBezTo>
                  <a:cubicBezTo>
                    <a:pt x="107" y="49"/>
                    <a:pt x="107" y="49"/>
                    <a:pt x="107" y="49"/>
                  </a:cubicBezTo>
                  <a:cubicBezTo>
                    <a:pt x="107" y="46"/>
                    <a:pt x="107" y="46"/>
                    <a:pt x="107" y="46"/>
                  </a:cubicBezTo>
                  <a:cubicBezTo>
                    <a:pt x="107" y="37"/>
                    <a:pt x="107" y="37"/>
                    <a:pt x="107" y="37"/>
                  </a:cubicBezTo>
                  <a:cubicBezTo>
                    <a:pt x="107" y="37"/>
                    <a:pt x="107" y="37"/>
                    <a:pt x="107" y="37"/>
                  </a:cubicBezTo>
                  <a:cubicBezTo>
                    <a:pt x="107" y="46"/>
                    <a:pt x="107" y="46"/>
                    <a:pt x="107" y="46"/>
                  </a:cubicBezTo>
                  <a:cubicBezTo>
                    <a:pt x="112" y="46"/>
                    <a:pt x="112" y="46"/>
                    <a:pt x="112" y="46"/>
                  </a:cubicBezTo>
                  <a:cubicBezTo>
                    <a:pt x="112" y="33"/>
                    <a:pt x="112" y="33"/>
                    <a:pt x="112" y="33"/>
                  </a:cubicBezTo>
                  <a:cubicBezTo>
                    <a:pt x="112" y="31"/>
                    <a:pt x="110" y="29"/>
                    <a:pt x="107" y="29"/>
                  </a:cubicBezTo>
                  <a:cubicBezTo>
                    <a:pt x="98" y="29"/>
                    <a:pt x="98" y="29"/>
                    <a:pt x="98" y="29"/>
                  </a:cubicBezTo>
                  <a:cubicBezTo>
                    <a:pt x="98" y="30"/>
                    <a:pt x="98" y="30"/>
                    <a:pt x="98" y="31"/>
                  </a:cubicBezTo>
                  <a:cubicBezTo>
                    <a:pt x="98" y="49"/>
                    <a:pt x="98" y="49"/>
                    <a:pt x="98" y="49"/>
                  </a:cubicBezTo>
                  <a:cubicBezTo>
                    <a:pt x="96" y="49"/>
                    <a:pt x="96" y="49"/>
                    <a:pt x="96" y="49"/>
                  </a:cubicBezTo>
                  <a:close/>
                  <a:moveTo>
                    <a:pt x="101" y="15"/>
                  </a:moveTo>
                  <a:cubicBezTo>
                    <a:pt x="98" y="15"/>
                    <a:pt x="95" y="18"/>
                    <a:pt x="95" y="22"/>
                  </a:cubicBezTo>
                  <a:cubicBezTo>
                    <a:pt x="95" y="23"/>
                    <a:pt x="95" y="24"/>
                    <a:pt x="96" y="25"/>
                  </a:cubicBezTo>
                  <a:cubicBezTo>
                    <a:pt x="96" y="26"/>
                    <a:pt x="97" y="26"/>
                    <a:pt x="97" y="26"/>
                  </a:cubicBezTo>
                  <a:cubicBezTo>
                    <a:pt x="98" y="27"/>
                    <a:pt x="100" y="28"/>
                    <a:pt x="101" y="28"/>
                  </a:cubicBezTo>
                  <a:cubicBezTo>
                    <a:pt x="105" y="28"/>
                    <a:pt x="108" y="25"/>
                    <a:pt x="108" y="22"/>
                  </a:cubicBezTo>
                  <a:cubicBezTo>
                    <a:pt x="108" y="18"/>
                    <a:pt x="105" y="15"/>
                    <a:pt x="101" y="15"/>
                  </a:cubicBezTo>
                  <a:close/>
                  <a:moveTo>
                    <a:pt x="75" y="51"/>
                  </a:moveTo>
                  <a:cubicBezTo>
                    <a:pt x="75" y="72"/>
                    <a:pt x="75" y="72"/>
                    <a:pt x="75" y="72"/>
                  </a:cubicBezTo>
                  <a:cubicBezTo>
                    <a:pt x="80" y="72"/>
                    <a:pt x="80" y="72"/>
                    <a:pt x="80" y="72"/>
                  </a:cubicBezTo>
                  <a:cubicBezTo>
                    <a:pt x="80" y="54"/>
                    <a:pt x="80" y="54"/>
                    <a:pt x="80" y="54"/>
                  </a:cubicBezTo>
                  <a:cubicBezTo>
                    <a:pt x="82" y="54"/>
                    <a:pt x="82" y="54"/>
                    <a:pt x="82" y="54"/>
                  </a:cubicBezTo>
                  <a:cubicBezTo>
                    <a:pt x="82" y="72"/>
                    <a:pt x="82" y="72"/>
                    <a:pt x="82" y="72"/>
                  </a:cubicBezTo>
                  <a:cubicBezTo>
                    <a:pt x="87" y="72"/>
                    <a:pt x="87" y="72"/>
                    <a:pt x="87" y="72"/>
                  </a:cubicBezTo>
                  <a:cubicBezTo>
                    <a:pt x="87" y="51"/>
                    <a:pt x="87" y="51"/>
                    <a:pt x="87" y="51"/>
                  </a:cubicBezTo>
                  <a:cubicBezTo>
                    <a:pt x="87" y="47"/>
                    <a:pt x="87" y="47"/>
                    <a:pt x="87" y="47"/>
                  </a:cubicBezTo>
                  <a:cubicBezTo>
                    <a:pt x="87" y="36"/>
                    <a:pt x="87" y="36"/>
                    <a:pt x="87" y="36"/>
                  </a:cubicBezTo>
                  <a:cubicBezTo>
                    <a:pt x="88" y="36"/>
                    <a:pt x="88" y="36"/>
                    <a:pt x="88" y="36"/>
                  </a:cubicBezTo>
                  <a:cubicBezTo>
                    <a:pt x="88" y="47"/>
                    <a:pt x="88" y="47"/>
                    <a:pt x="88" y="47"/>
                  </a:cubicBezTo>
                  <a:cubicBezTo>
                    <a:pt x="94" y="47"/>
                    <a:pt x="94" y="47"/>
                    <a:pt x="94" y="47"/>
                  </a:cubicBezTo>
                  <a:cubicBezTo>
                    <a:pt x="94" y="31"/>
                    <a:pt x="94" y="31"/>
                    <a:pt x="94" y="31"/>
                  </a:cubicBezTo>
                  <a:cubicBezTo>
                    <a:pt x="94" y="28"/>
                    <a:pt x="91" y="26"/>
                    <a:pt x="88" y="26"/>
                  </a:cubicBezTo>
                  <a:cubicBezTo>
                    <a:pt x="77" y="26"/>
                    <a:pt x="77" y="26"/>
                    <a:pt x="77" y="26"/>
                  </a:cubicBezTo>
                  <a:cubicBezTo>
                    <a:pt x="77" y="27"/>
                    <a:pt x="77" y="28"/>
                    <a:pt x="77" y="28"/>
                  </a:cubicBezTo>
                  <a:cubicBezTo>
                    <a:pt x="77" y="51"/>
                    <a:pt x="77" y="51"/>
                    <a:pt x="77" y="51"/>
                  </a:cubicBezTo>
                  <a:cubicBezTo>
                    <a:pt x="75" y="51"/>
                    <a:pt x="75" y="51"/>
                    <a:pt x="75" y="51"/>
                  </a:cubicBezTo>
                  <a:close/>
                  <a:moveTo>
                    <a:pt x="65" y="47"/>
                  </a:moveTo>
                  <a:cubicBezTo>
                    <a:pt x="65" y="32"/>
                    <a:pt x="65" y="32"/>
                    <a:pt x="65" y="32"/>
                  </a:cubicBezTo>
                  <a:cubicBezTo>
                    <a:pt x="64" y="32"/>
                    <a:pt x="64" y="32"/>
                    <a:pt x="64" y="32"/>
                  </a:cubicBezTo>
                  <a:cubicBezTo>
                    <a:pt x="64" y="47"/>
                    <a:pt x="64" y="47"/>
                    <a:pt x="64" y="47"/>
                  </a:cubicBezTo>
                  <a:cubicBezTo>
                    <a:pt x="64" y="50"/>
                    <a:pt x="64" y="50"/>
                    <a:pt x="64" y="50"/>
                  </a:cubicBezTo>
                  <a:cubicBezTo>
                    <a:pt x="64" y="77"/>
                    <a:pt x="64" y="77"/>
                    <a:pt x="64" y="77"/>
                  </a:cubicBezTo>
                  <a:cubicBezTo>
                    <a:pt x="57" y="77"/>
                    <a:pt x="57" y="77"/>
                    <a:pt x="57" y="77"/>
                  </a:cubicBezTo>
                  <a:cubicBezTo>
                    <a:pt x="57" y="55"/>
                    <a:pt x="57" y="55"/>
                    <a:pt x="57" y="55"/>
                  </a:cubicBezTo>
                  <a:cubicBezTo>
                    <a:pt x="55" y="55"/>
                    <a:pt x="55" y="55"/>
                    <a:pt x="55" y="55"/>
                  </a:cubicBezTo>
                  <a:cubicBezTo>
                    <a:pt x="55" y="77"/>
                    <a:pt x="55" y="77"/>
                    <a:pt x="55" y="77"/>
                  </a:cubicBezTo>
                  <a:cubicBezTo>
                    <a:pt x="48" y="77"/>
                    <a:pt x="48" y="77"/>
                    <a:pt x="48" y="77"/>
                  </a:cubicBezTo>
                  <a:cubicBezTo>
                    <a:pt x="48" y="50"/>
                    <a:pt x="48" y="50"/>
                    <a:pt x="48" y="50"/>
                  </a:cubicBezTo>
                  <a:cubicBezTo>
                    <a:pt x="48" y="47"/>
                    <a:pt x="48" y="47"/>
                    <a:pt x="48" y="47"/>
                  </a:cubicBezTo>
                  <a:cubicBezTo>
                    <a:pt x="48" y="32"/>
                    <a:pt x="48" y="32"/>
                    <a:pt x="48" y="32"/>
                  </a:cubicBezTo>
                  <a:cubicBezTo>
                    <a:pt x="47" y="32"/>
                    <a:pt x="47" y="32"/>
                    <a:pt x="47" y="32"/>
                  </a:cubicBezTo>
                  <a:cubicBezTo>
                    <a:pt x="47" y="47"/>
                    <a:pt x="47" y="47"/>
                    <a:pt x="47" y="47"/>
                  </a:cubicBezTo>
                  <a:cubicBezTo>
                    <a:pt x="41" y="47"/>
                    <a:pt x="41" y="47"/>
                    <a:pt x="41" y="47"/>
                  </a:cubicBezTo>
                  <a:cubicBezTo>
                    <a:pt x="41" y="27"/>
                    <a:pt x="41" y="27"/>
                    <a:pt x="41" y="27"/>
                  </a:cubicBezTo>
                  <a:cubicBezTo>
                    <a:pt x="41" y="24"/>
                    <a:pt x="44" y="21"/>
                    <a:pt x="47" y="21"/>
                  </a:cubicBezTo>
                  <a:cubicBezTo>
                    <a:pt x="66" y="21"/>
                    <a:pt x="46" y="21"/>
                    <a:pt x="65" y="21"/>
                  </a:cubicBezTo>
                  <a:cubicBezTo>
                    <a:pt x="69" y="21"/>
                    <a:pt x="71" y="24"/>
                    <a:pt x="71" y="27"/>
                  </a:cubicBezTo>
                  <a:cubicBezTo>
                    <a:pt x="71" y="47"/>
                    <a:pt x="71" y="47"/>
                    <a:pt x="71" y="47"/>
                  </a:cubicBezTo>
                  <a:cubicBezTo>
                    <a:pt x="70" y="47"/>
                    <a:pt x="68" y="47"/>
                    <a:pt x="65" y="47"/>
                  </a:cubicBezTo>
                  <a:close/>
                  <a:moveTo>
                    <a:pt x="37" y="51"/>
                  </a:moveTo>
                  <a:cubicBezTo>
                    <a:pt x="37" y="72"/>
                    <a:pt x="37" y="72"/>
                    <a:pt x="37" y="72"/>
                  </a:cubicBezTo>
                  <a:cubicBezTo>
                    <a:pt x="31" y="72"/>
                    <a:pt x="31" y="72"/>
                    <a:pt x="31" y="72"/>
                  </a:cubicBezTo>
                  <a:cubicBezTo>
                    <a:pt x="31" y="54"/>
                    <a:pt x="31" y="54"/>
                    <a:pt x="31" y="54"/>
                  </a:cubicBezTo>
                  <a:cubicBezTo>
                    <a:pt x="30" y="54"/>
                    <a:pt x="30" y="54"/>
                    <a:pt x="30" y="54"/>
                  </a:cubicBezTo>
                  <a:cubicBezTo>
                    <a:pt x="30" y="72"/>
                    <a:pt x="30" y="72"/>
                    <a:pt x="30" y="72"/>
                  </a:cubicBezTo>
                  <a:cubicBezTo>
                    <a:pt x="24" y="72"/>
                    <a:pt x="24" y="72"/>
                    <a:pt x="24" y="72"/>
                  </a:cubicBezTo>
                  <a:cubicBezTo>
                    <a:pt x="24" y="51"/>
                    <a:pt x="24" y="51"/>
                    <a:pt x="24" y="51"/>
                  </a:cubicBezTo>
                  <a:cubicBezTo>
                    <a:pt x="24" y="47"/>
                    <a:pt x="24" y="47"/>
                    <a:pt x="24" y="47"/>
                  </a:cubicBezTo>
                  <a:cubicBezTo>
                    <a:pt x="24" y="36"/>
                    <a:pt x="24" y="36"/>
                    <a:pt x="24" y="36"/>
                  </a:cubicBezTo>
                  <a:cubicBezTo>
                    <a:pt x="23" y="36"/>
                    <a:pt x="23" y="36"/>
                    <a:pt x="23" y="36"/>
                  </a:cubicBezTo>
                  <a:cubicBezTo>
                    <a:pt x="23" y="47"/>
                    <a:pt x="23" y="47"/>
                    <a:pt x="23" y="47"/>
                  </a:cubicBezTo>
                  <a:cubicBezTo>
                    <a:pt x="18" y="47"/>
                    <a:pt x="18" y="47"/>
                    <a:pt x="18" y="47"/>
                  </a:cubicBezTo>
                  <a:cubicBezTo>
                    <a:pt x="18" y="31"/>
                    <a:pt x="18" y="31"/>
                    <a:pt x="18" y="31"/>
                  </a:cubicBezTo>
                  <a:cubicBezTo>
                    <a:pt x="18" y="28"/>
                    <a:pt x="20" y="26"/>
                    <a:pt x="23" y="26"/>
                  </a:cubicBezTo>
                  <a:cubicBezTo>
                    <a:pt x="35" y="26"/>
                    <a:pt x="35" y="26"/>
                    <a:pt x="35" y="26"/>
                  </a:cubicBezTo>
                  <a:cubicBezTo>
                    <a:pt x="35" y="27"/>
                    <a:pt x="35" y="28"/>
                    <a:pt x="35" y="28"/>
                  </a:cubicBezTo>
                  <a:cubicBezTo>
                    <a:pt x="35" y="51"/>
                    <a:pt x="35" y="51"/>
                    <a:pt x="35" y="51"/>
                  </a:cubicBezTo>
                  <a:cubicBezTo>
                    <a:pt x="37" y="51"/>
                    <a:pt x="37" y="51"/>
                    <a:pt x="37" y="51"/>
                  </a:cubicBezTo>
                  <a:close/>
                  <a:moveTo>
                    <a:pt x="31" y="9"/>
                  </a:moveTo>
                  <a:cubicBezTo>
                    <a:pt x="35" y="9"/>
                    <a:pt x="39" y="12"/>
                    <a:pt x="39" y="17"/>
                  </a:cubicBezTo>
                  <a:cubicBezTo>
                    <a:pt x="39" y="19"/>
                    <a:pt x="38" y="20"/>
                    <a:pt x="37" y="22"/>
                  </a:cubicBezTo>
                  <a:cubicBezTo>
                    <a:pt x="37" y="22"/>
                    <a:pt x="37" y="22"/>
                    <a:pt x="37" y="23"/>
                  </a:cubicBezTo>
                  <a:cubicBezTo>
                    <a:pt x="35" y="24"/>
                    <a:pt x="33" y="25"/>
                    <a:pt x="31" y="25"/>
                  </a:cubicBezTo>
                  <a:cubicBezTo>
                    <a:pt x="26" y="25"/>
                    <a:pt x="22" y="21"/>
                    <a:pt x="22" y="17"/>
                  </a:cubicBezTo>
                  <a:cubicBezTo>
                    <a:pt x="22" y="12"/>
                    <a:pt x="26" y="9"/>
                    <a:pt x="31" y="9"/>
                  </a:cubicBezTo>
                  <a:close/>
                  <a:moveTo>
                    <a:pt x="81" y="9"/>
                  </a:moveTo>
                  <a:cubicBezTo>
                    <a:pt x="76" y="9"/>
                    <a:pt x="73" y="12"/>
                    <a:pt x="73" y="17"/>
                  </a:cubicBezTo>
                  <a:cubicBezTo>
                    <a:pt x="73" y="19"/>
                    <a:pt x="73" y="20"/>
                    <a:pt x="74" y="22"/>
                  </a:cubicBezTo>
                  <a:cubicBezTo>
                    <a:pt x="75" y="22"/>
                    <a:pt x="75" y="22"/>
                    <a:pt x="75" y="23"/>
                  </a:cubicBezTo>
                  <a:cubicBezTo>
                    <a:pt x="77" y="24"/>
                    <a:pt x="79" y="25"/>
                    <a:pt x="81" y="25"/>
                  </a:cubicBezTo>
                  <a:cubicBezTo>
                    <a:pt x="85" y="25"/>
                    <a:pt x="89" y="21"/>
                    <a:pt x="89" y="17"/>
                  </a:cubicBezTo>
                  <a:cubicBezTo>
                    <a:pt x="89" y="12"/>
                    <a:pt x="85" y="9"/>
                    <a:pt x="81" y="9"/>
                  </a:cubicBezTo>
                  <a:close/>
                </a:path>
              </a:pathLst>
            </a:custGeom>
            <a:noFill/>
            <a:ln>
              <a:noFill/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  <a:ex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465680"/>
              <a:r>
                <a:rPr lang="ru-RU" altLang="zh-CN" sz="3200" b="1" dirty="0" smtClean="0">
                  <a:solidFill>
                    <a:prstClr val="black"/>
                  </a:solidFill>
                  <a:latin typeface="Roboto Black" pitchFamily="2" charset="0"/>
                  <a:ea typeface="Roboto Black" pitchFamily="2" charset="0"/>
                </a:rPr>
                <a:t>1.1.2</a:t>
              </a:r>
              <a:endParaRPr lang="zh-CN" altLang="en-US" sz="3200" b="1" dirty="0">
                <a:solidFill>
                  <a:prstClr val="black"/>
                </a:solidFill>
                <a:latin typeface="Roboto Black" pitchFamily="2" charset="0"/>
              </a:endParaRPr>
            </a:p>
          </p:txBody>
        </p:sp>
      </p:grpSp>
      <p:sp>
        <p:nvSpPr>
          <p:cNvPr id="16" name="Прямоугольник 15"/>
          <p:cNvSpPr/>
          <p:nvPr/>
        </p:nvSpPr>
        <p:spPr>
          <a:xfrm>
            <a:off x="2000232" y="428604"/>
            <a:ext cx="6929486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400" b="1" dirty="0">
                <a:latin typeface="Arial" pitchFamily="34" charset="0"/>
                <a:cs typeface="Arial" pitchFamily="34" charset="0"/>
              </a:rPr>
              <a:t>Действия должностных лиц ГО и РСЧС по организации оповещения работников объекта (населения) по сигналам ГО</a:t>
            </a:r>
            <a:endParaRPr lang="ru-RU" sz="24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140290" name="Picture 2" descr="https://lipetskmedia.ru/image/DNS_7933.JPG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2000232" y="1714488"/>
            <a:ext cx="6525989" cy="4786346"/>
          </a:xfrm>
          <a:prstGeom prst="rect">
            <a:avLst/>
          </a:prstGeom>
          <a:noFill/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3473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#ppt_w*1.125000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Effect transition="in" filter="wipe(left)">
                                      <p:cBhvr>
                                        <p:cTn id="8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6" presetClass="entr" presetSubtype="4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Horizontal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Pr>
        <a:blipFill dpi="0" rotWithShape="1">
          <a:blip r:embed="rId4" cstate="print">
            <a:lum/>
          </a:blip>
          <a:srcRect/>
          <a:stretch>
            <a:fillRect t="-2000" b="-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object 7"/>
          <p:cNvSpPr/>
          <p:nvPr/>
        </p:nvSpPr>
        <p:spPr>
          <a:xfrm>
            <a:off x="0" y="358610"/>
            <a:ext cx="9157447" cy="45719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 txBox="1">
            <a:spLocks noGrp="1"/>
          </p:cNvSpPr>
          <p:nvPr>
            <p:ph type="title"/>
          </p:nvPr>
        </p:nvSpPr>
        <p:spPr>
          <a:xfrm>
            <a:off x="97267" y="26894"/>
            <a:ext cx="9060180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>
              <a:spcBef>
                <a:spcPts val="53"/>
              </a:spcBef>
            </a:pPr>
            <a:r>
              <a:rPr lang="ru-RU" cap="all" spc="-10" dirty="0" smtClean="0">
                <a:latin typeface="Roboto" pitchFamily="2" charset="0"/>
                <a:ea typeface="Roboto" pitchFamily="2" charset="0"/>
              </a:rPr>
              <a:t> </a:t>
            </a:r>
            <a:r>
              <a:rPr lang="ru-RU" b="1" cap="all" spc="-10" dirty="0" smtClean="0">
                <a:latin typeface="Roboto" pitchFamily="2" charset="0"/>
                <a:ea typeface="Roboto" pitchFamily="2" charset="0"/>
              </a:rPr>
              <a:t>Вопрос 2</a:t>
            </a:r>
            <a:endParaRPr b="1" cap="all" spc="-10" dirty="0">
              <a:latin typeface="Roboto" pitchFamily="2" charset="0"/>
              <a:ea typeface="Roboto" pitchFamily="2" charset="0"/>
            </a:endParaRPr>
          </a:p>
        </p:txBody>
      </p:sp>
      <p:sp>
        <p:nvSpPr>
          <p:cNvPr id="16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0" y="6526064"/>
            <a:ext cx="605119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25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10" name="Прямоугольник 9"/>
          <p:cNvSpPr/>
          <p:nvPr/>
        </p:nvSpPr>
        <p:spPr>
          <a:xfrm>
            <a:off x="142844" y="642918"/>
            <a:ext cx="4429156" cy="5679336"/>
          </a:xfrm>
          <a:prstGeom prst="rect">
            <a:avLst/>
          </a:prstGeom>
        </p:spPr>
        <p:txBody>
          <a:bodyPr wrap="square" lIns="46570" tIns="23285" rIns="46570" bIns="23285">
            <a:spAutoFit/>
          </a:bodyPr>
          <a:lstStyle/>
          <a:p>
            <a:pPr algn="ctr" fontAlgn="base"/>
            <a:r>
              <a:rPr lang="ru-RU" b="1" dirty="0" err="1">
                <a:latin typeface="Arial" pitchFamily="34" charset="0"/>
                <a:cs typeface="Arial" pitchFamily="34" charset="0"/>
              </a:rPr>
              <a:t>Задействование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 по предназначению Региональной системы оповещения населения планируется и осуществляется в соответствии с </a:t>
            </a:r>
            <a:r>
              <a:rPr lang="ru-RU" b="1" dirty="0" smtClean="0">
                <a:latin typeface="Arial" pitchFamily="34" charset="0"/>
                <a:cs typeface="Arial" pitchFamily="34" charset="0"/>
              </a:rPr>
              <a:t>Положением о РАСЦО, 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Планом гражданской обороны и защиты населения Липецкой области и Планом действий по предупреждению и ликвидации чрезвычайных ситуаций Липецкой области.</a:t>
            </a:r>
          </a:p>
          <a:p>
            <a:pPr algn="ctr" fontAlgn="base"/>
            <a:r>
              <a:rPr lang="ru-RU" b="1" dirty="0" smtClean="0">
                <a:latin typeface="Arial" pitchFamily="34" charset="0"/>
                <a:cs typeface="Arial" pitchFamily="34" charset="0"/>
              </a:rPr>
              <a:t>Дежурная 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(дежурно-диспетчерская) служба органа повседневного управления РСЧС регионального уровня, получив в системе управления ГО и РСЧС сигналы оповещения и (или) экстренную информацию, подтверждает получение и немедленно доводит их до </a:t>
            </a:r>
            <a:r>
              <a:rPr lang="ru-RU" b="1" dirty="0" smtClean="0">
                <a:latin typeface="Arial" pitchFamily="34" charset="0"/>
                <a:cs typeface="Arial" pitchFamily="34" charset="0"/>
              </a:rPr>
              <a:t>Губернатора 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Липецкой области</a:t>
            </a:r>
            <a:r>
              <a:rPr lang="ru-RU" b="1" dirty="0" smtClean="0">
                <a:latin typeface="Arial" pitchFamily="34" charset="0"/>
                <a:cs typeface="Arial" pitchFamily="34" charset="0"/>
              </a:rPr>
              <a:t>.</a:t>
            </a:r>
            <a:endParaRPr lang="ru-RU" altLang="ru-RU" sz="2400" b="1" dirty="0">
              <a:latin typeface="Roboto" pitchFamily="2" charset="0"/>
              <a:ea typeface="Roboto" pitchFamily="2" charset="0"/>
            </a:endParaRPr>
          </a:p>
        </p:txBody>
      </p:sp>
      <p:sp>
        <p:nvSpPr>
          <p:cNvPr id="12" name="Прямоугольник 11"/>
          <p:cNvSpPr/>
          <p:nvPr/>
        </p:nvSpPr>
        <p:spPr>
          <a:xfrm>
            <a:off x="4643438" y="714356"/>
            <a:ext cx="4500562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fontAlgn="base">
              <a:tabLst>
                <a:tab pos="268288" algn="l"/>
              </a:tabLst>
            </a:pPr>
            <a:r>
              <a:rPr lang="ru-RU" b="1" dirty="0" smtClean="0">
                <a:latin typeface="Arial" pitchFamily="34" charset="0"/>
                <a:cs typeface="Arial" pitchFamily="34" charset="0"/>
              </a:rPr>
              <a:t>Решение на </a:t>
            </a:r>
            <a:r>
              <a:rPr lang="ru-RU" b="1" dirty="0" err="1" smtClean="0">
                <a:latin typeface="Arial" pitchFamily="34" charset="0"/>
                <a:cs typeface="Arial" pitchFamily="34" charset="0"/>
              </a:rPr>
              <a:t>задействование</a:t>
            </a:r>
            <a:r>
              <a:rPr lang="ru-RU" b="1" dirty="0" smtClean="0">
                <a:latin typeface="Arial" pitchFamily="34" charset="0"/>
                <a:cs typeface="Arial" pitchFamily="34" charset="0"/>
              </a:rPr>
              <a:t> Региональной системы оповещения принимает Губернатор Липецкой области.</a:t>
            </a:r>
          </a:p>
        </p:txBody>
      </p:sp>
      <p:pic>
        <p:nvPicPr>
          <p:cNvPr id="75778" name="Picture 2" descr="https://www.lipetskmedia.ru/images/news_/112/164_big2.jpg"/>
          <p:cNvPicPr>
            <a:picLocks noChangeAspect="1" noChangeArrowheads="1"/>
          </p:cNvPicPr>
          <p:nvPr/>
        </p:nvPicPr>
        <p:blipFill>
          <a:blip r:embed="rId5"/>
          <a:srcRect l="22857" r="9524"/>
          <a:stretch>
            <a:fillRect/>
          </a:stretch>
        </p:blipFill>
        <p:spPr bwMode="auto">
          <a:xfrm>
            <a:off x="4714876" y="2000240"/>
            <a:ext cx="4201725" cy="4138404"/>
          </a:xfrm>
          <a:prstGeom prst="rect">
            <a:avLst/>
          </a:prstGeom>
          <a:noFill/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4432244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7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75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433101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5"/>
          <p:cNvSpPr/>
          <p:nvPr/>
        </p:nvSpPr>
        <p:spPr>
          <a:xfrm>
            <a:off x="8181752" y="5957248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>
              <a:solidFill>
                <a:schemeClr val="bg1"/>
              </a:solidFill>
            </a:endParaRPr>
          </a:p>
        </p:txBody>
      </p:sp>
      <p:sp>
        <p:nvSpPr>
          <p:cNvPr id="42" name="object 11"/>
          <p:cNvSpPr txBox="1">
            <a:spLocks/>
          </p:cNvSpPr>
          <p:nvPr/>
        </p:nvSpPr>
        <p:spPr>
          <a:xfrm>
            <a:off x="8610600" y="6503652"/>
            <a:ext cx="501294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>
            <a:defPPr>
              <a:defRPr kern="0"/>
            </a:defPPr>
            <a:lvl1pPr marL="19404" algn="ctr">
              <a:lnSpc>
                <a:spcPts val="1390"/>
              </a:lnSpc>
              <a:defRPr sz="1400" b="0" i="0" spc="10">
                <a:solidFill>
                  <a:schemeClr val="bg1"/>
                </a:solidFill>
                <a:latin typeface="Roboto"/>
                <a:cs typeface="Roboto"/>
              </a:defRPr>
            </a:lvl1pPr>
          </a:lstStyle>
          <a:p>
            <a:fld id="{1AADCD55-9889-4088-A6F0-1630CC9EC0CF}" type="slidenum">
              <a:rPr lang="en-US"/>
              <a:pPr/>
              <a:t>26</a:t>
            </a:fld>
            <a:endParaRPr lang="en-US" dirty="0"/>
          </a:p>
        </p:txBody>
      </p:sp>
      <p:sp>
        <p:nvSpPr>
          <p:cNvPr id="43" name="Прямоугольник 42"/>
          <p:cNvSpPr/>
          <p:nvPr/>
        </p:nvSpPr>
        <p:spPr>
          <a:xfrm>
            <a:off x="428596" y="568404"/>
            <a:ext cx="8532198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ru-RU" b="1" dirty="0">
                <a:latin typeface="Arial" pitchFamily="34" charset="0"/>
                <a:cs typeface="Arial" pitchFamily="34" charset="0"/>
              </a:rPr>
              <a:t>Передача сигналов оповещения и экстренной информации может осуществляться в </a:t>
            </a:r>
            <a:r>
              <a:rPr lang="ru-RU" b="1" dirty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автоматическом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, </a:t>
            </a:r>
            <a:r>
              <a:rPr lang="ru-RU" b="1" dirty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автоматизированном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 либо </a:t>
            </a:r>
            <a:r>
              <a:rPr lang="ru-RU" b="1" dirty="0">
                <a:solidFill>
                  <a:srgbClr val="C00000"/>
                </a:solidFill>
                <a:latin typeface="Arial" pitchFamily="34" charset="0"/>
                <a:cs typeface="Arial" pitchFamily="34" charset="0"/>
              </a:rPr>
              <a:t>ручном </a:t>
            </a:r>
            <a:r>
              <a:rPr lang="ru-RU" b="1" dirty="0">
                <a:latin typeface="Arial" pitchFamily="34" charset="0"/>
                <a:cs typeface="Arial" pitchFamily="34" charset="0"/>
              </a:rPr>
              <a:t>режимах функционирования системы </a:t>
            </a:r>
            <a:r>
              <a:rPr lang="ru-RU" b="1" dirty="0" smtClean="0">
                <a:latin typeface="Arial" pitchFamily="34" charset="0"/>
                <a:cs typeface="Arial" pitchFamily="34" charset="0"/>
              </a:rPr>
              <a:t>оповещения</a:t>
            </a:r>
            <a:endParaRPr lang="ru-RU" b="1" dirty="0" smtClean="0">
              <a:latin typeface="Arial" pitchFamily="34" charset="0"/>
              <a:ea typeface="Roboto Medium" pitchFamily="2" charset="0"/>
              <a:cs typeface="Arial" pitchFamily="34" charset="0"/>
            </a:endParaRPr>
          </a:p>
        </p:txBody>
      </p:sp>
      <p:grpSp>
        <p:nvGrpSpPr>
          <p:cNvPr id="2" name="组合 49"/>
          <p:cNvGrpSpPr/>
          <p:nvPr/>
        </p:nvGrpSpPr>
        <p:grpSpPr>
          <a:xfrm>
            <a:off x="285720" y="4714884"/>
            <a:ext cx="817006" cy="880674"/>
            <a:chOff x="3561433" y="2783986"/>
            <a:chExt cx="1622044" cy="1860025"/>
          </a:xfrm>
          <a:effectLst/>
        </p:grpSpPr>
        <p:sp>
          <p:nvSpPr>
            <p:cNvPr id="101" name="任意多边形 23"/>
            <p:cNvSpPr>
              <a:spLocks/>
            </p:cNvSpPr>
            <p:nvPr/>
          </p:nvSpPr>
          <p:spPr bwMode="auto">
            <a:xfrm rot="16200000">
              <a:off x="3457373" y="3172312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00B0F0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FFB850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3" name="组合 58"/>
            <p:cNvGrpSpPr/>
            <p:nvPr/>
          </p:nvGrpSpPr>
          <p:grpSpPr>
            <a:xfrm>
              <a:off x="3561433" y="2783986"/>
              <a:ext cx="1622044" cy="1860025"/>
              <a:chOff x="3561433" y="2783986"/>
              <a:chExt cx="1622044" cy="1860025"/>
            </a:xfrm>
          </p:grpSpPr>
          <p:sp>
            <p:nvSpPr>
              <p:cNvPr id="104" name="Freeform 5"/>
              <p:cNvSpPr>
                <a:spLocks/>
              </p:cNvSpPr>
              <p:nvPr/>
            </p:nvSpPr>
            <p:spPr bwMode="auto">
              <a:xfrm rot="16200000">
                <a:off x="3497543" y="2885613"/>
                <a:ext cx="1787561" cy="1584307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 sz="1000" dirty="0">
                  <a:solidFill>
                    <a:prstClr val="black"/>
                  </a:solidFill>
                  <a:latin typeface="Roboto Black" panose="02000000000000000000" pitchFamily="2" charset="0"/>
                  <a:cs typeface="Arial" pitchFamily="34" charset="0"/>
                </a:endParaRPr>
              </a:p>
            </p:txBody>
          </p:sp>
          <p:sp>
            <p:nvSpPr>
              <p:cNvPr id="103" name="Freeform 5"/>
              <p:cNvSpPr>
                <a:spLocks/>
              </p:cNvSpPr>
              <p:nvPr/>
            </p:nvSpPr>
            <p:spPr bwMode="auto">
              <a:xfrm rot="16200000">
                <a:off x="3459804" y="2958075"/>
                <a:ext cx="1787565" cy="1584308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105" name="文本框 64"/>
              <p:cNvSpPr txBox="1"/>
              <p:nvPr/>
            </p:nvSpPr>
            <p:spPr>
              <a:xfrm>
                <a:off x="3962823" y="3224430"/>
                <a:ext cx="945077" cy="110506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ru-RU" altLang="zh-CN" sz="2800" dirty="0" smtClean="0">
                    <a:solidFill>
                      <a:srgbClr val="00B0F0"/>
                    </a:solidFill>
                    <a:latin typeface="Roboto Black" panose="02000000000000000000" pitchFamily="2" charset="0"/>
                    <a:ea typeface="LiHei Pro" panose="020B0500000000000000" pitchFamily="34" charset="-122"/>
                    <a:cs typeface="Arial" pitchFamily="34" charset="0"/>
                  </a:rPr>
                  <a:t>2</a:t>
                </a:r>
                <a:endParaRPr lang="zh-CN" altLang="en-US" sz="2800" dirty="0">
                  <a:solidFill>
                    <a:srgbClr val="00B0F0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  <p:sp>
            <p:nvSpPr>
              <p:cNvPr id="106" name="椭圆 8"/>
              <p:cNvSpPr/>
              <p:nvPr/>
            </p:nvSpPr>
            <p:spPr>
              <a:xfrm rot="20000116">
                <a:off x="3692606" y="2870683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prstClr val="white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</p:grpSp>
      </p:grpSp>
      <p:sp>
        <p:nvSpPr>
          <p:cNvPr id="211" name="文本框 129"/>
          <p:cNvSpPr txBox="1"/>
          <p:nvPr/>
        </p:nvSpPr>
        <p:spPr>
          <a:xfrm>
            <a:off x="193464" y="6235496"/>
            <a:ext cx="3980537" cy="27700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endParaRPr lang="zh-CN" altLang="en-US" sz="1200" dirty="0">
              <a:solidFill>
                <a:prstClr val="black">
                  <a:lumMod val="50000"/>
                  <a:lumOff val="50000"/>
                </a:prstClr>
              </a:solidFill>
              <a:latin typeface="Roboto" pitchFamily="2" charset="0"/>
              <a:ea typeface="微软雅黑" panose="020B0503020204020204" pitchFamily="34" charset="-122"/>
              <a:cs typeface="Arial" pitchFamily="34" charset="0"/>
            </a:endParaRPr>
          </a:p>
        </p:txBody>
      </p:sp>
      <p:grpSp>
        <p:nvGrpSpPr>
          <p:cNvPr id="4" name="组合 50"/>
          <p:cNvGrpSpPr/>
          <p:nvPr/>
        </p:nvGrpSpPr>
        <p:grpSpPr>
          <a:xfrm>
            <a:off x="285720" y="2357430"/>
            <a:ext cx="848542" cy="869521"/>
            <a:chOff x="4432355" y="1356318"/>
            <a:chExt cx="1587748" cy="1799559"/>
          </a:xfrm>
          <a:effectLst/>
        </p:grpSpPr>
        <p:sp>
          <p:nvSpPr>
            <p:cNvPr id="50" name="任意多边形 24"/>
            <p:cNvSpPr>
              <a:spLocks/>
            </p:cNvSpPr>
            <p:nvPr/>
          </p:nvSpPr>
          <p:spPr bwMode="auto">
            <a:xfrm rot="16200000">
              <a:off x="4313824" y="1695911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FFB850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FFB850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5" name="组合 59"/>
            <p:cNvGrpSpPr/>
            <p:nvPr/>
          </p:nvGrpSpPr>
          <p:grpSpPr>
            <a:xfrm>
              <a:off x="4432355" y="1356318"/>
              <a:ext cx="1587748" cy="1799559"/>
              <a:chOff x="4432355" y="1356318"/>
              <a:chExt cx="1587748" cy="1799559"/>
            </a:xfrm>
          </p:grpSpPr>
          <p:sp>
            <p:nvSpPr>
              <p:cNvPr id="52" name="Freeform 5"/>
              <p:cNvSpPr>
                <a:spLocks/>
              </p:cNvSpPr>
              <p:nvPr/>
            </p:nvSpPr>
            <p:spPr bwMode="auto">
              <a:xfrm rot="16200000">
                <a:off x="4330726" y="1457947"/>
                <a:ext cx="1787565" cy="1584307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3" name="椭圆 9"/>
              <p:cNvSpPr/>
              <p:nvPr/>
            </p:nvSpPr>
            <p:spPr>
              <a:xfrm rot="20000116">
                <a:off x="4550973" y="1402691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prstClr val="white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4" name="Freeform 5"/>
              <p:cNvSpPr>
                <a:spLocks/>
              </p:cNvSpPr>
              <p:nvPr/>
            </p:nvSpPr>
            <p:spPr bwMode="auto">
              <a:xfrm rot="16200000">
                <a:off x="4334167" y="1469942"/>
                <a:ext cx="1787565" cy="1584306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5" name="文本框 63"/>
              <p:cNvSpPr txBox="1"/>
              <p:nvPr/>
            </p:nvSpPr>
            <p:spPr>
              <a:xfrm>
                <a:off x="4739473" y="1836754"/>
                <a:ext cx="945077" cy="108285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en-US" altLang="zh-CN" sz="2800" dirty="0" smtClean="0">
                    <a:solidFill>
                      <a:srgbClr val="FFC000"/>
                    </a:solidFill>
                    <a:latin typeface="Roboto Black" panose="02000000000000000000" pitchFamily="2" charset="0"/>
                    <a:ea typeface="Roboto Black" panose="02000000000000000000" pitchFamily="2" charset="0"/>
                    <a:cs typeface="Arial" pitchFamily="34" charset="0"/>
                  </a:rPr>
                  <a:t>1</a:t>
                </a:r>
                <a:endParaRPr lang="zh-CN" altLang="en-US" sz="2800" dirty="0">
                  <a:solidFill>
                    <a:srgbClr val="FFC000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</p:grpSp>
      </p:grpSp>
      <p:grpSp>
        <p:nvGrpSpPr>
          <p:cNvPr id="6" name="组合 38"/>
          <p:cNvGrpSpPr/>
          <p:nvPr/>
        </p:nvGrpSpPr>
        <p:grpSpPr>
          <a:xfrm>
            <a:off x="1357290" y="1643050"/>
            <a:ext cx="7976792" cy="2637512"/>
            <a:chOff x="1364987" y="-305650"/>
            <a:chExt cx="2697062" cy="2638125"/>
          </a:xfrm>
        </p:grpSpPr>
        <p:sp>
          <p:nvSpPr>
            <p:cNvPr id="74" name="文本框 70"/>
            <p:cNvSpPr txBox="1"/>
            <p:nvPr/>
          </p:nvSpPr>
          <p:spPr>
            <a:xfrm>
              <a:off x="1364987" y="-305650"/>
              <a:ext cx="2628007" cy="261670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fontAlgn="base"/>
              <a:r>
                <a:rPr lang="ru-RU" b="1" dirty="0"/>
                <a:t>В </a:t>
              </a:r>
              <a:r>
                <a:rPr lang="ru-RU" b="1" dirty="0">
                  <a:solidFill>
                    <a:srgbClr val="C00000"/>
                  </a:solidFill>
                </a:rPr>
                <a:t>автоматическом режиме функционирования </a:t>
              </a:r>
              <a:r>
                <a:rPr lang="ru-RU" b="1" dirty="0"/>
                <a:t>Региональная система оповещения включается (запускается) по заранее установленным программам при получении управляющих сигналов (команд) от систем оповещения населения вышестоящего уровня или непосредственно от систем мониторинга опасных природных явлений и техногенных процессов без участия соответствующих дежурных (дежурно-диспетчерских) служб, ответственных за включение (запуск) систем оповещения </a:t>
              </a:r>
              <a:r>
                <a:rPr lang="ru-RU" b="1" dirty="0" smtClean="0"/>
                <a:t>населения</a:t>
              </a:r>
              <a:endParaRPr lang="ru-RU" sz="20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Black" pitchFamily="2" charset="0"/>
                <a:ea typeface="Roboto Black" pitchFamily="2" charset="0"/>
              </a:endParaRPr>
            </a:p>
          </p:txBody>
        </p:sp>
        <p:sp>
          <p:nvSpPr>
            <p:cNvPr id="76" name="文本框 113"/>
            <p:cNvSpPr txBox="1"/>
            <p:nvPr/>
          </p:nvSpPr>
          <p:spPr>
            <a:xfrm>
              <a:off x="1490406" y="2024626"/>
              <a:ext cx="2571643" cy="30784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l"/>
              <a:endParaRPr lang="zh-CN" altLang="en-US" sz="1400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微软雅黑" panose="020B0503020204020204" pitchFamily="34" charset="-122"/>
                <a:cs typeface="Arial" pitchFamily="34" charset="0"/>
              </a:endParaRPr>
            </a:p>
          </p:txBody>
        </p:sp>
      </p:grpSp>
      <p:grpSp>
        <p:nvGrpSpPr>
          <p:cNvPr id="11" name="组合 40"/>
          <p:cNvGrpSpPr/>
          <p:nvPr/>
        </p:nvGrpSpPr>
        <p:grpSpPr>
          <a:xfrm>
            <a:off x="1394037" y="4357694"/>
            <a:ext cx="7749963" cy="1477328"/>
            <a:chOff x="407750" y="3226862"/>
            <a:chExt cx="3187518" cy="1075987"/>
          </a:xfrm>
        </p:grpSpPr>
        <p:sp>
          <p:nvSpPr>
            <p:cNvPr id="108" name="文本框 76"/>
            <p:cNvSpPr txBox="1"/>
            <p:nvPr/>
          </p:nvSpPr>
          <p:spPr>
            <a:xfrm>
              <a:off x="407750" y="3226862"/>
              <a:ext cx="3187518" cy="107598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 sz="2000">
                  <a:solidFill>
                    <a:schemeClr val="tx1">
                      <a:lumMod val="95000"/>
                      <a:lumOff val="5000"/>
                    </a:schemeClr>
                  </a:solidFill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r>
                <a:rPr lang="ru-RU" sz="1800" b="1" dirty="0" smtClean="0">
                  <a:latin typeface="Arial" pitchFamily="34" charset="0"/>
                  <a:cs typeface="Arial" pitchFamily="34" charset="0"/>
                </a:rPr>
                <a:t>В </a:t>
              </a:r>
              <a:r>
                <a:rPr lang="ru-RU" sz="1800" b="1" dirty="0" smtClean="0">
                  <a:solidFill>
                    <a:srgbClr val="C00000"/>
                  </a:solidFill>
                  <a:latin typeface="Arial" pitchFamily="34" charset="0"/>
                  <a:cs typeface="Arial" pitchFamily="34" charset="0"/>
                </a:rPr>
                <a:t>автоматизированном режиме функционирования </a:t>
              </a:r>
              <a:r>
                <a:rPr lang="ru-RU" sz="1800" b="1" dirty="0" smtClean="0">
                  <a:latin typeface="Arial" pitchFamily="34" charset="0"/>
                  <a:cs typeface="Arial" pitchFamily="34" charset="0"/>
                </a:rPr>
                <a:t>включение (запуск) Региональной системы оповещения осуществляется органом повседневного управления РСЧС регионального уровня с автоматизированных рабочих мест при поступлении команды от Губернатора Липецкой области, установленного сигнала</a:t>
              </a:r>
              <a:endParaRPr lang="ru-RU" sz="1800" b="1" dirty="0">
                <a:solidFill>
                  <a:schemeClr val="tx1"/>
                </a:solidFill>
                <a:latin typeface="Arial" pitchFamily="34" charset="0"/>
                <a:ea typeface="Roboto Black" pitchFamily="2" charset="0"/>
                <a:cs typeface="Arial" pitchFamily="34" charset="0"/>
              </a:endParaRPr>
            </a:p>
          </p:txBody>
        </p:sp>
        <p:sp>
          <p:nvSpPr>
            <p:cNvPr id="109" name="文本框 113"/>
            <p:cNvSpPr txBox="1"/>
            <p:nvPr/>
          </p:nvSpPr>
          <p:spPr>
            <a:xfrm>
              <a:off x="863608" y="3551055"/>
              <a:ext cx="2323116" cy="268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kern="0"/>
              </a:defPPr>
              <a:lvl1pPr algn="r">
                <a:defRPr>
                  <a:latin typeface="Roboto" pitchFamily="2" charset="0"/>
                  <a:ea typeface="Roboto" pitchFamily="2" charset="0"/>
                </a:defRPr>
              </a:lvl1pPr>
            </a:lstStyle>
            <a:p>
              <a:pPr algn="l"/>
              <a:endParaRPr lang="zh-CN" altLang="en-US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</a:endParaRPr>
            </a:p>
          </p:txBody>
        </p:sp>
      </p:grpSp>
      <p:sp>
        <p:nvSpPr>
          <p:cNvPr id="132" name="文本框 113"/>
          <p:cNvSpPr txBox="1"/>
          <p:nvPr/>
        </p:nvSpPr>
        <p:spPr>
          <a:xfrm>
            <a:off x="2550310" y="6005643"/>
            <a:ext cx="5630479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r">
              <a:defRPr>
                <a:latin typeface="Roboto" pitchFamily="2" charset="0"/>
                <a:ea typeface="Roboto" pitchFamily="2" charset="0"/>
              </a:defRPr>
            </a:lvl1pPr>
          </a:lstStyle>
          <a:p>
            <a:pPr algn="l"/>
            <a:endParaRPr lang="zh-CN" altLang="en-US" dirty="0">
              <a:solidFill>
                <a:schemeClr val="tx1">
                  <a:lumMod val="95000"/>
                  <a:lumOff val="5000"/>
                </a:schemeClr>
              </a:solidFill>
              <a:latin typeface="Roboto Medium" pitchFamily="2" charset="0"/>
            </a:endParaRPr>
          </a:p>
        </p:txBody>
      </p:sp>
      <p:sp>
        <p:nvSpPr>
          <p:cNvPr id="49" name="object 8"/>
          <p:cNvSpPr txBox="1">
            <a:spLocks/>
          </p:cNvSpPr>
          <p:nvPr/>
        </p:nvSpPr>
        <p:spPr>
          <a:xfrm>
            <a:off x="214282" y="0"/>
            <a:ext cx="9060180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0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</a:t>
            </a: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Вопрос 2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770565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4653 0.14005 C 0.87378 0.09143 0.82569 -0.00139 0.72882 -0.00579 C 0.63177 -0.00995 0.37517 0.11805 0.28003 0.11458 C 0.18507 0.11111 0.02135 0.06944 2.5E-6 -0.00185 " pathEditMode="relative" rAng="0" ptsTypes="AAAA">
                                      <p:cBhvr>
                                        <p:cTn id="14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7326" y="-7315"/>
                                    </p:animMotion>
                                  </p:childTnLst>
                                </p:cTn>
                              </p:par>
                              <p:par>
                                <p:cTn id="15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6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7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32" presetClass="emph" presetSubtype="0" repeatCount="3000" fill="hold" nodeType="withEffect">
                                  <p:stCondLst>
                                    <p:cond delay="1250"/>
                                  </p:stCondLst>
                                  <p:childTnLst>
                                    <p:animRot by="120000">
                                      <p:cBhvr>
                                        <p:cTn id="22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3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24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5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6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7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0" fill="hold">
                            <p:stCondLst>
                              <p:cond delay="2500"/>
                            </p:stCondLst>
                            <p:childTnLst>
                              <p:par>
                                <p:cTn id="3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6823 0.19259 C 0.89376 0.12639 0.8448 2.96296E-6 0.74566 -0.00556 C 0.64619 -0.01135 0.38386 0.16273 0.28646 0.15787 C 0.18941 0.15324 0.02188 0.09652 5E-6 -0.00047 " pathEditMode="relative" rAng="0" ptsTypes="AAAA">
                                      <p:cBhvr>
                                        <p:cTn id="35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8420" y="-9931"/>
                                    </p:animMotion>
                                  </p:childTnLst>
                                </p:cTn>
                              </p:par>
                              <p:par>
                                <p:cTn id="36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37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38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0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2" presetID="32" presetClass="emph" presetSubtype="0" repeatCount="3000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animRot by="120000">
                                      <p:cBhvr>
                                        <p:cTn id="43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4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45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46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47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48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3" grpId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433101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5"/>
          <p:cNvSpPr/>
          <p:nvPr/>
        </p:nvSpPr>
        <p:spPr>
          <a:xfrm>
            <a:off x="8181752" y="5957248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>
              <a:solidFill>
                <a:schemeClr val="bg1"/>
              </a:solidFill>
            </a:endParaRPr>
          </a:p>
        </p:txBody>
      </p:sp>
      <p:sp>
        <p:nvSpPr>
          <p:cNvPr id="42" name="object 11"/>
          <p:cNvSpPr txBox="1">
            <a:spLocks/>
          </p:cNvSpPr>
          <p:nvPr/>
        </p:nvSpPr>
        <p:spPr>
          <a:xfrm>
            <a:off x="8610600" y="6503652"/>
            <a:ext cx="501294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>
            <a:defPPr>
              <a:defRPr kern="0"/>
            </a:defPPr>
            <a:lvl1pPr marL="19404" algn="ctr">
              <a:lnSpc>
                <a:spcPts val="1390"/>
              </a:lnSpc>
              <a:defRPr sz="1400" b="0" i="0" spc="10">
                <a:solidFill>
                  <a:schemeClr val="bg1"/>
                </a:solidFill>
                <a:latin typeface="Roboto"/>
                <a:cs typeface="Roboto"/>
              </a:defRPr>
            </a:lvl1pPr>
          </a:lstStyle>
          <a:p>
            <a:fld id="{1AADCD55-9889-4088-A6F0-1630CC9EC0CF}" type="slidenum">
              <a:rPr lang="en-US"/>
              <a:pPr/>
              <a:t>27</a:t>
            </a:fld>
            <a:endParaRPr lang="en-US" dirty="0"/>
          </a:p>
        </p:txBody>
      </p:sp>
      <p:sp>
        <p:nvSpPr>
          <p:cNvPr id="211" name="文本框 129"/>
          <p:cNvSpPr txBox="1"/>
          <p:nvPr/>
        </p:nvSpPr>
        <p:spPr>
          <a:xfrm>
            <a:off x="193464" y="6235496"/>
            <a:ext cx="3980537" cy="27700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endParaRPr lang="zh-CN" altLang="en-US" sz="1200" dirty="0">
              <a:solidFill>
                <a:prstClr val="black">
                  <a:lumMod val="50000"/>
                  <a:lumOff val="50000"/>
                </a:prstClr>
              </a:solidFill>
              <a:latin typeface="Roboto" pitchFamily="2" charset="0"/>
              <a:ea typeface="微软雅黑" panose="020B0503020204020204" pitchFamily="34" charset="-122"/>
              <a:cs typeface="Arial" pitchFamily="34" charset="0"/>
            </a:endParaRPr>
          </a:p>
        </p:txBody>
      </p:sp>
      <p:grpSp>
        <p:nvGrpSpPr>
          <p:cNvPr id="4" name="组合 50"/>
          <p:cNvGrpSpPr/>
          <p:nvPr/>
        </p:nvGrpSpPr>
        <p:grpSpPr>
          <a:xfrm>
            <a:off x="285720" y="714356"/>
            <a:ext cx="848542" cy="869521"/>
            <a:chOff x="4432355" y="1356318"/>
            <a:chExt cx="1587748" cy="1799559"/>
          </a:xfrm>
          <a:effectLst/>
        </p:grpSpPr>
        <p:sp>
          <p:nvSpPr>
            <p:cNvPr id="50" name="任意多边形 24"/>
            <p:cNvSpPr>
              <a:spLocks/>
            </p:cNvSpPr>
            <p:nvPr/>
          </p:nvSpPr>
          <p:spPr bwMode="auto">
            <a:xfrm rot="16200000">
              <a:off x="4313824" y="1695911"/>
              <a:ext cx="1427392" cy="902174"/>
            </a:xfrm>
            <a:custGeom>
              <a:avLst/>
              <a:gdLst>
                <a:gd name="connsiteX0" fmla="*/ 1560958 w 1560958"/>
                <a:gd name="connsiteY0" fmla="*/ 852069 h 986593"/>
                <a:gd name="connsiteX1" fmla="*/ 1483291 w 1560958"/>
                <a:gd name="connsiteY1" fmla="*/ 986593 h 986593"/>
                <a:gd name="connsiteX2" fmla="*/ 1470592 w 1560958"/>
                <a:gd name="connsiteY2" fmla="*/ 964597 h 986593"/>
                <a:gd name="connsiteX3" fmla="*/ 1469220 w 1560958"/>
                <a:gd name="connsiteY3" fmla="*/ 960185 h 986593"/>
                <a:gd name="connsiteX4" fmla="*/ 1049766 w 1560958"/>
                <a:gd name="connsiteY4" fmla="*/ 233242 h 986593"/>
                <a:gd name="connsiteX5" fmla="*/ 887977 w 1560958"/>
                <a:gd name="connsiteY5" fmla="*/ 140313 h 986593"/>
                <a:gd name="connsiteX6" fmla="*/ 843738 w 1560958"/>
                <a:gd name="connsiteY6" fmla="*/ 140313 h 986593"/>
                <a:gd name="connsiteX7" fmla="*/ 834966 w 1560958"/>
                <a:gd name="connsiteY7" fmla="*/ 140313 h 986593"/>
                <a:gd name="connsiteX8" fmla="*/ 834966 w 1560958"/>
                <a:gd name="connsiteY8" fmla="*/ 139101 h 986593"/>
                <a:gd name="connsiteX9" fmla="*/ 0 w 1560958"/>
                <a:gd name="connsiteY9" fmla="*/ 139101 h 986593"/>
                <a:gd name="connsiteX10" fmla="*/ 73870 w 1560958"/>
                <a:gd name="connsiteY10" fmla="*/ 11155 h 986593"/>
                <a:gd name="connsiteX11" fmla="*/ 82583 w 1560958"/>
                <a:gd name="connsiteY11" fmla="*/ 7354 h 986593"/>
                <a:gd name="connsiteX12" fmla="*/ 128297 w 1560958"/>
                <a:gd name="connsiteY12" fmla="*/ 0 h 986593"/>
                <a:gd name="connsiteX13" fmla="*/ 967205 w 1560958"/>
                <a:gd name="connsiteY13" fmla="*/ 0 h 986593"/>
                <a:gd name="connsiteX14" fmla="*/ 1128994 w 1560958"/>
                <a:gd name="connsiteY14" fmla="*/ 92930 h 986593"/>
                <a:gd name="connsiteX15" fmla="*/ 1548448 w 1560958"/>
                <a:gd name="connsiteY15" fmla="*/ 819873 h 98659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</a:cxnLst>
              <a:rect l="l" t="t" r="r" b="b"/>
              <a:pathLst>
                <a:path w="1560958" h="986593">
                  <a:moveTo>
                    <a:pt x="1560958" y="852069"/>
                  </a:moveTo>
                  <a:lnTo>
                    <a:pt x="1483291" y="986593"/>
                  </a:lnTo>
                  <a:lnTo>
                    <a:pt x="1470592" y="964597"/>
                  </a:lnTo>
                  <a:lnTo>
                    <a:pt x="1469220" y="960185"/>
                  </a:lnTo>
                  <a:cubicBezTo>
                    <a:pt x="1469220" y="960185"/>
                    <a:pt x="1469220" y="960185"/>
                    <a:pt x="1049766" y="233242"/>
                  </a:cubicBezTo>
                  <a:cubicBezTo>
                    <a:pt x="1019805" y="182281"/>
                    <a:pt x="947899" y="140313"/>
                    <a:pt x="887977" y="140313"/>
                  </a:cubicBezTo>
                  <a:cubicBezTo>
                    <a:pt x="887977" y="140313"/>
                    <a:pt x="887977" y="140313"/>
                    <a:pt x="843738" y="140313"/>
                  </a:cubicBezTo>
                  <a:lnTo>
                    <a:pt x="834966" y="140313"/>
                  </a:lnTo>
                  <a:lnTo>
                    <a:pt x="834966" y="139101"/>
                  </a:lnTo>
                  <a:lnTo>
                    <a:pt x="0" y="139101"/>
                  </a:lnTo>
                  <a:lnTo>
                    <a:pt x="73870" y="11155"/>
                  </a:lnTo>
                  <a:lnTo>
                    <a:pt x="82583" y="7354"/>
                  </a:lnTo>
                  <a:cubicBezTo>
                    <a:pt x="98150" y="2623"/>
                    <a:pt x="113692" y="0"/>
                    <a:pt x="128297" y="0"/>
                  </a:cubicBezTo>
                  <a:cubicBezTo>
                    <a:pt x="967205" y="0"/>
                    <a:pt x="967205" y="0"/>
                    <a:pt x="967205" y="0"/>
                  </a:cubicBezTo>
                  <a:cubicBezTo>
                    <a:pt x="1027127" y="0"/>
                    <a:pt x="1099033" y="41968"/>
                    <a:pt x="1128994" y="92930"/>
                  </a:cubicBezTo>
                  <a:cubicBezTo>
                    <a:pt x="1548448" y="819873"/>
                    <a:pt x="1548448" y="819873"/>
                    <a:pt x="1548448" y="819873"/>
                  </a:cubicBezTo>
                  <a:close/>
                </a:path>
              </a:pathLst>
            </a:custGeom>
            <a:solidFill>
              <a:srgbClr val="FFB850"/>
            </a:solidFill>
            <a:ln w="25400">
              <a:noFill/>
            </a:ln>
            <a:effectLst/>
          </p:spPr>
          <p:txBody>
            <a:bodyPr vert="horz" wrap="square" lIns="91440" tIns="45720" rIns="91440" bIns="45720" numCol="1" anchor="t" anchorCtr="0" compatLnSpc="1">
              <a:prstTxWarp prst="textNoShape">
                <a:avLst/>
              </a:prstTxWarp>
              <a:noAutofit/>
            </a:bodyPr>
            <a:lstStyle/>
            <a:p>
              <a:endParaRPr lang="zh-CN" altLang="en-US">
                <a:solidFill>
                  <a:srgbClr val="FFB850"/>
                </a:solidFill>
                <a:latin typeface="Arial" pitchFamily="34" charset="0"/>
                <a:cs typeface="Arial" pitchFamily="34" charset="0"/>
              </a:endParaRPr>
            </a:p>
          </p:txBody>
        </p:sp>
        <p:grpSp>
          <p:nvGrpSpPr>
            <p:cNvPr id="5" name="组合 59"/>
            <p:cNvGrpSpPr/>
            <p:nvPr/>
          </p:nvGrpSpPr>
          <p:grpSpPr>
            <a:xfrm>
              <a:off x="4432355" y="1356318"/>
              <a:ext cx="1587748" cy="1799559"/>
              <a:chOff x="4432355" y="1356318"/>
              <a:chExt cx="1587748" cy="1799559"/>
            </a:xfrm>
          </p:grpSpPr>
          <p:sp>
            <p:nvSpPr>
              <p:cNvPr id="52" name="Freeform 5"/>
              <p:cNvSpPr>
                <a:spLocks/>
              </p:cNvSpPr>
              <p:nvPr/>
            </p:nvSpPr>
            <p:spPr bwMode="auto">
              <a:xfrm rot="16200000">
                <a:off x="4330726" y="1457947"/>
                <a:ext cx="1787565" cy="1584307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8000"/>
                </a:schemeClr>
              </a:solidFill>
              <a:ln w="25400">
                <a:gradFill flip="none" rotWithShape="1">
                  <a:gsLst>
                    <a:gs pos="80000">
                      <a:schemeClr val="bg1">
                        <a:lumMod val="95000"/>
                      </a:schemeClr>
                    </a:gs>
                    <a:gs pos="60000">
                      <a:schemeClr val="bg1">
                        <a:lumMod val="65000"/>
                      </a:schemeClr>
                    </a:gs>
                    <a:gs pos="40000">
                      <a:schemeClr val="bg1">
                        <a:lumMod val="95000"/>
                      </a:schemeClr>
                    </a:gs>
                    <a:gs pos="20000">
                      <a:schemeClr val="bg1">
                        <a:lumMod val="65000"/>
                      </a:schemeClr>
                    </a:gs>
                    <a:gs pos="100000">
                      <a:schemeClr val="bg1">
                        <a:lumMod val="65000"/>
                      </a:schemeClr>
                    </a:gs>
                    <a:gs pos="0">
                      <a:schemeClr val="bg1">
                        <a:lumMod val="95000"/>
                      </a:schemeClr>
                    </a:gs>
                  </a:gsLst>
                  <a:lin ang="8100000" scaled="0"/>
                  <a:tileRect/>
                </a:gradFill>
              </a:ln>
              <a:effectLst>
                <a:outerShdw blurRad="190500" dist="50800" dir="2700000" algn="tl" rotWithShape="0">
                  <a:prstClr val="black">
                    <a:alpha val="40000"/>
                  </a:prstClr>
                </a:outerShdw>
              </a:effectLst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3" name="椭圆 9"/>
              <p:cNvSpPr/>
              <p:nvPr/>
            </p:nvSpPr>
            <p:spPr>
              <a:xfrm rot="20000116">
                <a:off x="4550973" y="1402691"/>
                <a:ext cx="539066" cy="311484"/>
              </a:xfrm>
              <a:prstGeom prst="ellipse">
                <a:avLst/>
              </a:prstGeom>
              <a:gradFill flip="none" rotWithShape="1">
                <a:gsLst>
                  <a:gs pos="100000">
                    <a:schemeClr val="bg1">
                      <a:alpha val="0"/>
                    </a:schemeClr>
                  </a:gs>
                  <a:gs pos="35000">
                    <a:srgbClr val="FFFFFF">
                      <a:alpha val="30000"/>
                    </a:srgbClr>
                  </a:gs>
                  <a:gs pos="72000">
                    <a:srgbClr val="FFFFFF">
                      <a:alpha val="2000"/>
                    </a:srgbClr>
                  </a:gs>
                  <a:gs pos="0">
                    <a:schemeClr val="bg1"/>
                  </a:gs>
                </a:gsLst>
                <a:path path="shape">
                  <a:fillToRect l="50000" t="50000" r="50000" b="50000"/>
                </a:path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zh-CN" altLang="en-US">
                  <a:solidFill>
                    <a:prstClr val="white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4" name="Freeform 5"/>
              <p:cNvSpPr>
                <a:spLocks/>
              </p:cNvSpPr>
              <p:nvPr/>
            </p:nvSpPr>
            <p:spPr bwMode="auto">
              <a:xfrm rot="16200000">
                <a:off x="4334167" y="1469942"/>
                <a:ext cx="1787565" cy="1584306"/>
              </a:xfrm>
              <a:custGeom>
                <a:avLst/>
                <a:gdLst>
                  <a:gd name="T0" fmla="*/ 407 w 1375"/>
                  <a:gd name="T1" fmla="*/ 1218 h 1218"/>
                  <a:gd name="T2" fmla="*/ 299 w 1375"/>
                  <a:gd name="T3" fmla="*/ 1156 h 1218"/>
                  <a:gd name="T4" fmla="*/ 19 w 1375"/>
                  <a:gd name="T5" fmla="*/ 671 h 1218"/>
                  <a:gd name="T6" fmla="*/ 19 w 1375"/>
                  <a:gd name="T7" fmla="*/ 547 h 1218"/>
                  <a:gd name="T8" fmla="*/ 299 w 1375"/>
                  <a:gd name="T9" fmla="*/ 62 h 1218"/>
                  <a:gd name="T10" fmla="*/ 407 w 1375"/>
                  <a:gd name="T11" fmla="*/ 0 h 1218"/>
                  <a:gd name="T12" fmla="*/ 967 w 1375"/>
                  <a:gd name="T13" fmla="*/ 0 h 1218"/>
                  <a:gd name="T14" fmla="*/ 1075 w 1375"/>
                  <a:gd name="T15" fmla="*/ 62 h 1218"/>
                  <a:gd name="T16" fmla="*/ 1355 w 1375"/>
                  <a:gd name="T17" fmla="*/ 547 h 1218"/>
                  <a:gd name="T18" fmla="*/ 1355 w 1375"/>
                  <a:gd name="T19" fmla="*/ 671 h 1218"/>
                  <a:gd name="T20" fmla="*/ 1075 w 1375"/>
                  <a:gd name="T21" fmla="*/ 1156 h 1218"/>
                  <a:gd name="T22" fmla="*/ 967 w 1375"/>
                  <a:gd name="T23" fmla="*/ 1218 h 1218"/>
                  <a:gd name="T24" fmla="*/ 407 w 1375"/>
                  <a:gd name="T25" fmla="*/ 1218 h 1218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</a:cxnLst>
                <a:rect l="0" t="0" r="r" b="b"/>
                <a:pathLst>
                  <a:path w="1375" h="1218">
                    <a:moveTo>
                      <a:pt x="407" y="1218"/>
                    </a:moveTo>
                    <a:cubicBezTo>
                      <a:pt x="368" y="1218"/>
                      <a:pt x="319" y="1190"/>
                      <a:pt x="299" y="1156"/>
                    </a:cubicBezTo>
                    <a:cubicBezTo>
                      <a:pt x="19" y="671"/>
                      <a:pt x="19" y="671"/>
                      <a:pt x="19" y="671"/>
                    </a:cubicBezTo>
                    <a:cubicBezTo>
                      <a:pt x="0" y="637"/>
                      <a:pt x="0" y="581"/>
                      <a:pt x="19" y="547"/>
                    </a:cubicBezTo>
                    <a:cubicBezTo>
                      <a:pt x="299" y="62"/>
                      <a:pt x="299" y="62"/>
                      <a:pt x="299" y="62"/>
                    </a:cubicBezTo>
                    <a:cubicBezTo>
                      <a:pt x="319" y="28"/>
                      <a:pt x="368" y="0"/>
                      <a:pt x="407" y="0"/>
                    </a:cubicBezTo>
                    <a:cubicBezTo>
                      <a:pt x="967" y="0"/>
                      <a:pt x="967" y="0"/>
                      <a:pt x="967" y="0"/>
                    </a:cubicBezTo>
                    <a:cubicBezTo>
                      <a:pt x="1007" y="0"/>
                      <a:pt x="1055" y="28"/>
                      <a:pt x="1075" y="62"/>
                    </a:cubicBezTo>
                    <a:cubicBezTo>
                      <a:pt x="1355" y="547"/>
                      <a:pt x="1355" y="547"/>
                      <a:pt x="1355" y="547"/>
                    </a:cubicBezTo>
                    <a:cubicBezTo>
                      <a:pt x="1375" y="581"/>
                      <a:pt x="1375" y="637"/>
                      <a:pt x="1355" y="671"/>
                    </a:cubicBezTo>
                    <a:cubicBezTo>
                      <a:pt x="1075" y="1156"/>
                      <a:pt x="1075" y="1156"/>
                      <a:pt x="1075" y="1156"/>
                    </a:cubicBezTo>
                    <a:cubicBezTo>
                      <a:pt x="1055" y="1190"/>
                      <a:pt x="1007" y="1218"/>
                      <a:pt x="967" y="1218"/>
                    </a:cubicBezTo>
                    <a:lnTo>
                      <a:pt x="407" y="1218"/>
                    </a:lnTo>
                    <a:close/>
                  </a:path>
                </a:pathLst>
              </a:custGeom>
              <a:solidFill>
                <a:schemeClr val="bg1">
                  <a:alpha val="13000"/>
                </a:schemeClr>
              </a:solidFill>
              <a:ln w="25400">
                <a:noFill/>
              </a:ln>
              <a:effectLst/>
            </p:spPr>
            <p:txBody>
              <a:bodyPr vert="horz" wrap="square" lIns="91440" tIns="45720" rIns="91440" bIns="45720" numCol="1" anchor="t" anchorCtr="0" compatLnSpc="1">
                <a:prstTxWarp prst="textNoShape">
                  <a:avLst/>
                </a:prstTxWarp>
              </a:bodyPr>
              <a:lstStyle/>
              <a:p>
                <a:endParaRPr lang="zh-CN" altLang="en-US">
                  <a:solidFill>
                    <a:prstClr val="black"/>
                  </a:solidFill>
                  <a:latin typeface="Arial" pitchFamily="34" charset="0"/>
                  <a:cs typeface="Arial" pitchFamily="34" charset="0"/>
                </a:endParaRPr>
              </a:p>
            </p:txBody>
          </p:sp>
          <p:sp>
            <p:nvSpPr>
              <p:cNvPr id="65" name="文本框 63"/>
              <p:cNvSpPr txBox="1"/>
              <p:nvPr/>
            </p:nvSpPr>
            <p:spPr>
              <a:xfrm>
                <a:off x="4739473" y="1836754"/>
                <a:ext cx="945077" cy="108285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/>
                <a:r>
                  <a:rPr lang="ru-RU" altLang="zh-CN" sz="2800" dirty="0">
                    <a:solidFill>
                      <a:srgbClr val="FFC000"/>
                    </a:solidFill>
                    <a:latin typeface="Roboto Black" panose="02000000000000000000" pitchFamily="2" charset="0"/>
                    <a:ea typeface="Roboto Black" panose="02000000000000000000" pitchFamily="2" charset="0"/>
                    <a:cs typeface="Arial" pitchFamily="34" charset="0"/>
                  </a:rPr>
                  <a:t>3</a:t>
                </a:r>
                <a:endParaRPr lang="zh-CN" altLang="en-US" sz="2800" dirty="0">
                  <a:solidFill>
                    <a:srgbClr val="FFC000"/>
                  </a:solidFill>
                  <a:latin typeface="Roboto Black" panose="02000000000000000000" pitchFamily="2" charset="0"/>
                  <a:ea typeface="LiHei Pro" panose="020B0500000000000000" pitchFamily="34" charset="-122"/>
                  <a:cs typeface="Arial" pitchFamily="34" charset="0"/>
                </a:endParaRPr>
              </a:p>
            </p:txBody>
          </p:sp>
        </p:grpSp>
      </p:grpSp>
      <p:grpSp>
        <p:nvGrpSpPr>
          <p:cNvPr id="6" name="组合 38"/>
          <p:cNvGrpSpPr/>
          <p:nvPr/>
        </p:nvGrpSpPr>
        <p:grpSpPr>
          <a:xfrm>
            <a:off x="1371445" y="500042"/>
            <a:ext cx="7962637" cy="4832092"/>
            <a:chOff x="1369773" y="-1448924"/>
            <a:chExt cx="2692276" cy="4833216"/>
          </a:xfrm>
        </p:grpSpPr>
        <p:sp>
          <p:nvSpPr>
            <p:cNvPr id="74" name="文本框 70"/>
            <p:cNvSpPr txBox="1"/>
            <p:nvPr/>
          </p:nvSpPr>
          <p:spPr>
            <a:xfrm>
              <a:off x="1369773" y="-1448924"/>
              <a:ext cx="2628007" cy="483321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fontAlgn="base"/>
              <a:r>
                <a:rPr lang="ru-RU" b="1" dirty="0">
                  <a:latin typeface="Arial" pitchFamily="34" charset="0"/>
                  <a:cs typeface="Arial" pitchFamily="34" charset="0"/>
                </a:rPr>
                <a:t>В </a:t>
              </a:r>
              <a:r>
                <a:rPr lang="ru-RU" b="1" dirty="0">
                  <a:solidFill>
                    <a:srgbClr val="C00000"/>
                  </a:solidFill>
                  <a:latin typeface="Arial" pitchFamily="34" charset="0"/>
                  <a:cs typeface="Arial" pitchFamily="34" charset="0"/>
                </a:rPr>
                <a:t>ручном режиме функционирования</a:t>
              </a:r>
              <a:r>
                <a:rPr lang="ru-RU" b="1" dirty="0">
                  <a:latin typeface="Arial" pitchFamily="34" charset="0"/>
                  <a:cs typeface="Arial" pitchFamily="34" charset="0"/>
                </a:rPr>
                <a:t>:</a:t>
              </a:r>
            </a:p>
            <a:p>
              <a:pPr fontAlgn="base"/>
              <a:r>
                <a:rPr lang="ru-RU" b="1" dirty="0">
                  <a:latin typeface="Arial" pitchFamily="34" charset="0"/>
                  <a:cs typeface="Arial" pitchFamily="34" charset="0"/>
                </a:rPr>
                <a:t>-  </a:t>
              </a:r>
              <a:r>
                <a:rPr lang="ru-RU" b="1" dirty="0" smtClean="0">
                  <a:latin typeface="Arial" pitchFamily="34" charset="0"/>
                  <a:cs typeface="Arial" pitchFamily="34" charset="0"/>
                </a:rPr>
                <a:t> орган </a:t>
              </a:r>
              <a:r>
                <a:rPr lang="ru-RU" b="1" dirty="0">
                  <a:latin typeface="Arial" pitchFamily="34" charset="0"/>
                  <a:cs typeface="Arial" pitchFamily="34" charset="0"/>
                </a:rPr>
                <a:t>повседневного управления РСЧС регионального уровня оповещает уполномоченные дежурные (дежурно-диспетчерские) службы органов повседневного управления РСЧС муниципального и объектового уровней о необходимости проведения оповещения в ручном режиме, а также направляет заявки операторам связи и (или) редакциям средств массовой информации на передачу сигналов оповещения и экстренной информации в соответствии с законодательством Российской Федерации;</a:t>
              </a:r>
            </a:p>
            <a:p>
              <a:pPr fontAlgn="base"/>
              <a:r>
                <a:rPr lang="ru-RU" b="1" dirty="0">
                  <a:latin typeface="Arial" pitchFamily="34" charset="0"/>
                  <a:cs typeface="Arial" pitchFamily="34" charset="0"/>
                </a:rPr>
                <a:t>- </a:t>
              </a:r>
              <a:r>
                <a:rPr lang="ru-RU" b="1" dirty="0" smtClean="0">
                  <a:latin typeface="Arial" pitchFamily="34" charset="0"/>
                  <a:cs typeface="Arial" pitchFamily="34" charset="0"/>
                </a:rPr>
                <a:t>  уполномоченные </a:t>
              </a:r>
              <a:r>
                <a:rPr lang="ru-RU" b="1" dirty="0">
                  <a:latin typeface="Arial" pitchFamily="34" charset="0"/>
                  <a:cs typeface="Arial" pitchFamily="34" charset="0"/>
                </a:rPr>
                <a:t>дежурные (дежурно-диспетчерские) службы органов повседневного управления РСЧС муниципального и объектового уровней осуществляют включение (запуск) оконечных средств оповещения непосредственно с мест их установки;</a:t>
              </a:r>
            </a:p>
            <a:p>
              <a:pPr fontAlgn="base"/>
              <a:r>
                <a:rPr lang="ru-RU" b="1" dirty="0">
                  <a:latin typeface="Arial" pitchFamily="34" charset="0"/>
                  <a:cs typeface="Arial" pitchFamily="34" charset="0"/>
                </a:rPr>
                <a:t>-   </a:t>
              </a:r>
              <a:r>
                <a:rPr lang="ru-RU" b="1" dirty="0" smtClean="0">
                  <a:latin typeface="Arial" pitchFamily="34" charset="0"/>
                  <a:cs typeface="Arial" pitchFamily="34" charset="0"/>
                </a:rPr>
                <a:t>задействуются </a:t>
              </a:r>
              <a:r>
                <a:rPr lang="ru-RU" b="1" dirty="0">
                  <a:latin typeface="Arial" pitchFamily="34" charset="0"/>
                  <a:cs typeface="Arial" pitchFamily="34" charset="0"/>
                </a:rPr>
                <a:t>громкоговорящие </a:t>
              </a:r>
              <a:r>
                <a:rPr lang="ru-RU" b="1" dirty="0" smtClean="0">
                  <a:latin typeface="Arial" pitchFamily="34" charset="0"/>
                  <a:cs typeface="Arial" pitchFamily="34" charset="0"/>
                </a:rPr>
                <a:t> средства </a:t>
              </a:r>
              <a:r>
                <a:rPr lang="ru-RU" b="1" dirty="0">
                  <a:latin typeface="Arial" pitchFamily="34" charset="0"/>
                  <a:cs typeface="Arial" pitchFamily="34" charset="0"/>
                </a:rPr>
                <a:t>на подвижных объектах, мобильные и носимые </a:t>
              </a:r>
              <a:r>
                <a:rPr lang="ru-RU" b="1" dirty="0" smtClean="0">
                  <a:latin typeface="Arial" pitchFamily="34" charset="0"/>
                  <a:cs typeface="Arial" pitchFamily="34" charset="0"/>
                </a:rPr>
                <a:t>средства.</a:t>
              </a:r>
              <a:endParaRPr lang="ru-RU" sz="2000" b="1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Arial" pitchFamily="34" charset="0"/>
                <a:ea typeface="Roboto Black" pitchFamily="2" charset="0"/>
                <a:cs typeface="Arial" pitchFamily="34" charset="0"/>
              </a:endParaRPr>
            </a:p>
          </p:txBody>
        </p:sp>
        <p:sp>
          <p:nvSpPr>
            <p:cNvPr id="76" name="文本框 113"/>
            <p:cNvSpPr txBox="1"/>
            <p:nvPr/>
          </p:nvSpPr>
          <p:spPr>
            <a:xfrm>
              <a:off x="1490406" y="2024626"/>
              <a:ext cx="2571643" cy="30784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l"/>
              <a:endParaRPr lang="zh-CN" altLang="en-US" sz="1400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微软雅黑" panose="020B0503020204020204" pitchFamily="34" charset="-122"/>
                <a:cs typeface="Arial" pitchFamily="34" charset="0"/>
              </a:endParaRPr>
            </a:p>
          </p:txBody>
        </p:sp>
      </p:grpSp>
      <p:sp>
        <p:nvSpPr>
          <p:cNvPr id="49" name="object 8"/>
          <p:cNvSpPr txBox="1">
            <a:spLocks/>
          </p:cNvSpPr>
          <p:nvPr/>
        </p:nvSpPr>
        <p:spPr>
          <a:xfrm>
            <a:off x="214282" y="0"/>
            <a:ext cx="9060180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0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</a:t>
            </a: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Вопрос 2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pic>
        <p:nvPicPr>
          <p:cNvPr id="2050" name="Picture 2" descr="https://www.kmscity.ru/assets/gallery/2018/04/16/2.jpg"/>
          <p:cNvPicPr>
            <a:picLocks noChangeAspect="1" noChangeArrowheads="1"/>
          </p:cNvPicPr>
          <p:nvPr/>
        </p:nvPicPr>
        <p:blipFill>
          <a:blip r:embed="rId4" cstate="print"/>
          <a:srcRect l="1684" t="23885" b="21832"/>
          <a:stretch>
            <a:fillRect/>
          </a:stretch>
        </p:blipFill>
        <p:spPr bwMode="auto">
          <a:xfrm>
            <a:off x="2428860" y="5286388"/>
            <a:ext cx="4242268" cy="1571612"/>
          </a:xfrm>
          <a:prstGeom prst="rect">
            <a:avLst/>
          </a:prstGeom>
          <a:noFill/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770565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0" presetClass="path" presetSubtype="0" decel="25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94653 0.14005 C 0.87378 0.09143 0.82569 -0.00139 0.72882 -0.00579 C 0.63177 -0.00995 0.37517 0.11805 0.28003 0.11458 C 0.18507 0.11111 0.02135 0.06944 2.5E-6 -0.00185 " pathEditMode="relative" rAng="0" ptsTypes="AAAA">
                                      <p:cBhvr>
                                        <p:cTn id="9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7326" y="-7315"/>
                                    </p:animMotion>
                                  </p:childTnLst>
                                </p:cTn>
                              </p:par>
                              <p:par>
                                <p:cTn id="10" presetID="8" presetClass="emph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1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12" presetID="19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 fmla="#ppt_w*sin(2.5*pi*$)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25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6" presetID="32" presetClass="emph" presetSubtype="0" repeatCount="3000" fill="hold" nodeType="withEffect">
                                  <p:stCondLst>
                                    <p:cond delay="1250"/>
                                  </p:stCondLst>
                                  <p:childTnLst>
                                    <p:animRot by="120000">
                                      <p:cBhvr>
                                        <p:cTn id="17" dur="25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18" dur="50" fill="hold">
                                          <p:stCondLst>
                                            <p:cond delay="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240000">
                                      <p:cBhvr>
                                        <p:cTn id="19" dur="50" fill="hold">
                                          <p:stCondLst>
                                            <p:cond delay="1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-240000">
                                      <p:cBhvr>
                                        <p:cTn id="20" dur="50" fill="hold">
                                          <p:stCondLst>
                                            <p:cond delay="1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  <p:animRot by="120000">
                                      <p:cBhvr>
                                        <p:cTn id="21" dur="50" fill="hold">
                                          <p:stCondLst>
                                            <p:cond delay="20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  <p:par>
                                <p:cTn id="22" presetID="22" presetClass="entr" presetSubtype="8" fill="hold" nodeType="withEffect">
                                  <p:stCondLst>
                                    <p:cond delay="150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28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2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81921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640175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риоритетный (основной) режим функционирования Региональной системы оповещения - автоматизированный.</a:t>
            </a:r>
            <a:endParaRPr lang="ru-RU" b="1" dirty="0">
              <a:solidFill>
                <a:schemeClr val="tx1"/>
              </a:solidFill>
              <a:latin typeface="Arial" pitchFamily="34" charset="0"/>
              <a:ea typeface="Times New Roman" pitchFamily="18" charset="0"/>
              <a:cs typeface="Arial" pitchFamily="34" charset="0"/>
            </a:endParaRPr>
          </a:p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Типовые аудио- и аудиовизуальные, а также текстовые и графические сообщения населению о фактических и прогнозируемых чрезвычайных ситуациях на территории Липецкой области готовятся заблаговременно и передаются в ЦУКС ГУ МЧС России по Липецкой области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игналы оповещения и экстренная информация передаются непосредственно с рабочего места дежурного органа повседневного управления РСЧС регионального уровня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ередача сигналов оповещения и экстренной информации населению осуществляется подачей сигнала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FF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"ВНИМАНИЕ ВСЕМ!"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утем включения сетей электрических, электронных сирен и мощных акустических систем длительностью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7D037D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до 3 минут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 последующей передачей по сетям связи, в том числе сетям связи телерадиовещания, через радиовещательные и телевизионные передающие станции операторов связи и организаций телерадиовещания с перерывом вещательных программ аудио- и (или) аудиовизуальных сообщений длительностью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7D037D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не более 5 минут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(для сетей связи подвижной радиотелефонной связи - сообщений объемом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7D037D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не более 134 символов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русского алфавита, включая цифры, пробелы и знаки препинания).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/>
            </a:r>
            <a:b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</a:br>
            <a:r>
              <a:rPr kumimoji="0" lang="ru-RU" sz="1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/>
            </a:r>
            <a:br>
              <a:rPr kumimoji="0" lang="ru-RU" sz="1400" b="0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</a:br>
            <a:endParaRPr kumimoji="0" lang="ru-RU" sz="1800" b="0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40944" y="372805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5"/>
          <p:cNvSpPr/>
          <p:nvPr/>
        </p:nvSpPr>
        <p:spPr>
          <a:xfrm>
            <a:off x="8168104" y="5957248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>
              <a:solidFill>
                <a:schemeClr val="bg1"/>
              </a:solidFill>
            </a:endParaRPr>
          </a:p>
        </p:txBody>
      </p:sp>
      <p:sp>
        <p:nvSpPr>
          <p:cNvPr id="76" name="TextBox 75">
            <a:extLst>
              <a:ext uri="{FF2B5EF4-FFF2-40B4-BE49-F238E27FC236}">
                <a16:creationId xmlns="" xmlns:a16="http://schemas.microsoft.com/office/drawing/2014/main" id="{88DF0827-A237-45BB-97E4-BDA369BD2D0E}"/>
              </a:ext>
            </a:extLst>
          </p:cNvPr>
          <p:cNvSpPr txBox="1"/>
          <p:nvPr/>
        </p:nvSpPr>
        <p:spPr>
          <a:xfrm>
            <a:off x="5246704" y="381000"/>
            <a:ext cx="86607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3600" b="1" dirty="0">
                <a:ln w="12700">
                  <a:solidFill>
                    <a:schemeClr val="bg1"/>
                  </a:solidFill>
                </a:ln>
                <a:solidFill>
                  <a:srgbClr val="7D037D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01</a:t>
            </a:r>
            <a:endParaRPr lang="ko-KR" altLang="en-US" sz="3600" b="1" dirty="0">
              <a:ln w="12700">
                <a:solidFill>
                  <a:schemeClr val="bg1"/>
                </a:solidFill>
              </a:ln>
              <a:solidFill>
                <a:srgbClr val="7D037D"/>
              </a:solidFill>
              <a:latin typeface="Roboto Black" panose="02000000000000000000" pitchFamily="2" charset="0"/>
              <a:cs typeface="Arial" pitchFamily="34" charset="0"/>
            </a:endParaRPr>
          </a:p>
        </p:txBody>
      </p:sp>
      <p:sp>
        <p:nvSpPr>
          <p:cNvPr id="77" name="TextBox 76">
            <a:extLst>
              <a:ext uri="{FF2B5EF4-FFF2-40B4-BE49-F238E27FC236}">
                <a16:creationId xmlns="" xmlns:a16="http://schemas.microsoft.com/office/drawing/2014/main" id="{2804F16E-067E-43D4-A0BD-2F020B453EC6}"/>
              </a:ext>
            </a:extLst>
          </p:cNvPr>
          <p:cNvSpPr txBox="1"/>
          <p:nvPr/>
        </p:nvSpPr>
        <p:spPr>
          <a:xfrm>
            <a:off x="2966805" y="1054078"/>
            <a:ext cx="96033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3600" b="1" dirty="0">
                <a:ln w="12700">
                  <a:solidFill>
                    <a:schemeClr val="bg1"/>
                  </a:solidFill>
                </a:ln>
                <a:solidFill>
                  <a:srgbClr val="CD6518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02</a:t>
            </a:r>
            <a:endParaRPr lang="ko-KR" altLang="en-US" sz="3600" b="1" dirty="0">
              <a:ln w="12700">
                <a:solidFill>
                  <a:schemeClr val="bg1"/>
                </a:solidFill>
              </a:ln>
              <a:solidFill>
                <a:srgbClr val="CD6518"/>
              </a:solidFill>
              <a:latin typeface="Roboto Black" panose="02000000000000000000" pitchFamily="2" charset="0"/>
              <a:cs typeface="Arial" pitchFamily="34" charset="0"/>
            </a:endParaRPr>
          </a:p>
        </p:txBody>
      </p:sp>
      <p:sp>
        <p:nvSpPr>
          <p:cNvPr id="78" name="TextBox 77">
            <a:extLst>
              <a:ext uri="{FF2B5EF4-FFF2-40B4-BE49-F238E27FC236}">
                <a16:creationId xmlns="" xmlns:a16="http://schemas.microsoft.com/office/drawing/2014/main" id="{78DF6DB8-59BF-4A8D-861D-3744D05AD19E}"/>
              </a:ext>
            </a:extLst>
          </p:cNvPr>
          <p:cNvSpPr txBox="1"/>
          <p:nvPr/>
        </p:nvSpPr>
        <p:spPr>
          <a:xfrm>
            <a:off x="5199573" y="1777835"/>
            <a:ext cx="96033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3600" b="1" dirty="0">
                <a:ln w="12700">
                  <a:solidFill>
                    <a:schemeClr val="bg1"/>
                  </a:solidFill>
                </a:ln>
                <a:solidFill>
                  <a:srgbClr val="006400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03</a:t>
            </a:r>
            <a:endParaRPr lang="ko-KR" altLang="en-US" sz="3600" b="1" dirty="0">
              <a:ln w="12700">
                <a:solidFill>
                  <a:schemeClr val="bg1"/>
                </a:solidFill>
              </a:ln>
              <a:solidFill>
                <a:srgbClr val="006400"/>
              </a:solidFill>
              <a:latin typeface="Roboto Black" panose="02000000000000000000" pitchFamily="2" charset="0"/>
              <a:cs typeface="Arial" pitchFamily="34" charset="0"/>
            </a:endParaRPr>
          </a:p>
        </p:txBody>
      </p:sp>
      <p:sp>
        <p:nvSpPr>
          <p:cNvPr id="79" name="TextBox 78">
            <a:extLst>
              <a:ext uri="{FF2B5EF4-FFF2-40B4-BE49-F238E27FC236}">
                <a16:creationId xmlns="" xmlns:a16="http://schemas.microsoft.com/office/drawing/2014/main" id="{1975B310-3D32-4380-BC59-8FAB524DB7DC}"/>
              </a:ext>
            </a:extLst>
          </p:cNvPr>
          <p:cNvSpPr txBox="1"/>
          <p:nvPr/>
        </p:nvSpPr>
        <p:spPr>
          <a:xfrm>
            <a:off x="2956350" y="2406429"/>
            <a:ext cx="96033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3600" b="1" dirty="0">
                <a:ln w="12700">
                  <a:solidFill>
                    <a:schemeClr val="bg1"/>
                  </a:solidFill>
                </a:ln>
                <a:solidFill>
                  <a:srgbClr val="7D037D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04</a:t>
            </a:r>
            <a:endParaRPr lang="ko-KR" altLang="en-US" sz="3600" b="1" dirty="0">
              <a:ln w="12700">
                <a:solidFill>
                  <a:schemeClr val="bg1"/>
                </a:solidFill>
              </a:ln>
              <a:solidFill>
                <a:srgbClr val="7D037D"/>
              </a:solidFill>
              <a:latin typeface="Roboto Black" panose="02000000000000000000" pitchFamily="2" charset="0"/>
              <a:cs typeface="Arial" pitchFamily="34" charset="0"/>
            </a:endParaRPr>
          </a:p>
        </p:txBody>
      </p:sp>
      <p:sp>
        <p:nvSpPr>
          <p:cNvPr id="80" name="TextBox 79">
            <a:extLst>
              <a:ext uri="{FF2B5EF4-FFF2-40B4-BE49-F238E27FC236}">
                <a16:creationId xmlns="" xmlns:a16="http://schemas.microsoft.com/office/drawing/2014/main" id="{0233D38B-3C29-4A92-8727-68F6D16DF49E}"/>
              </a:ext>
            </a:extLst>
          </p:cNvPr>
          <p:cNvSpPr txBox="1"/>
          <p:nvPr/>
        </p:nvSpPr>
        <p:spPr>
          <a:xfrm>
            <a:off x="5199572" y="3124200"/>
            <a:ext cx="96033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3600" b="1" dirty="0">
                <a:ln w="12700">
                  <a:solidFill>
                    <a:schemeClr val="bg1"/>
                  </a:solidFill>
                </a:ln>
                <a:solidFill>
                  <a:srgbClr val="CD6518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05</a:t>
            </a:r>
            <a:endParaRPr lang="ko-KR" altLang="en-US" sz="3600" b="1" dirty="0">
              <a:ln w="12700">
                <a:solidFill>
                  <a:schemeClr val="bg1"/>
                </a:solidFill>
              </a:ln>
              <a:solidFill>
                <a:srgbClr val="CD6518"/>
              </a:solidFill>
              <a:latin typeface="Roboto Black" panose="02000000000000000000" pitchFamily="2" charset="0"/>
              <a:cs typeface="Arial" pitchFamily="34" charset="0"/>
            </a:endParaRPr>
          </a:p>
        </p:txBody>
      </p:sp>
      <p:sp>
        <p:nvSpPr>
          <p:cNvPr id="83" name="TextBox 82">
            <a:extLst>
              <a:ext uri="{FF2B5EF4-FFF2-40B4-BE49-F238E27FC236}">
                <a16:creationId xmlns="" xmlns:a16="http://schemas.microsoft.com/office/drawing/2014/main" id="{3EB1864E-B116-4B8E-84E4-E8C377891D59}"/>
              </a:ext>
            </a:extLst>
          </p:cNvPr>
          <p:cNvSpPr txBox="1"/>
          <p:nvPr/>
        </p:nvSpPr>
        <p:spPr>
          <a:xfrm>
            <a:off x="0" y="714356"/>
            <a:ext cx="3136458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r">
              <a:defRPr>
                <a:solidFill>
                  <a:schemeClr val="tx1"/>
                </a:solidFill>
                <a:latin typeface="Roboto Medium" pitchFamily="2" charset="0"/>
                <a:ea typeface="Roboto Medium" pitchFamily="2" charset="0"/>
                <a:cs typeface="Arial" pitchFamily="34" charset="0"/>
              </a:defRPr>
            </a:lvl1pPr>
          </a:lstStyle>
          <a:p>
            <a:pPr fontAlgn="base"/>
            <a:r>
              <a:rPr lang="ru-RU" sz="2000" dirty="0" smtClean="0"/>
              <a:t>сети проводного радиовещания</a:t>
            </a:r>
          </a:p>
          <a:p>
            <a:pPr fontAlgn="base"/>
            <a:r>
              <a:rPr lang="ru-RU" sz="2000" dirty="0" smtClean="0"/>
              <a:t>и  уличной радиофикации</a:t>
            </a:r>
            <a:endParaRPr lang="en-US" altLang="ko-KR" sz="2000" dirty="0"/>
          </a:p>
        </p:txBody>
      </p:sp>
      <p:sp>
        <p:nvSpPr>
          <p:cNvPr id="86" name="TextBox 85">
            <a:extLst>
              <a:ext uri="{FF2B5EF4-FFF2-40B4-BE49-F238E27FC236}">
                <a16:creationId xmlns="" xmlns:a16="http://schemas.microsoft.com/office/drawing/2014/main" id="{8FFB77D0-A84F-4685-9EAC-4273793A4C21}"/>
              </a:ext>
            </a:extLst>
          </p:cNvPr>
          <p:cNvSpPr txBox="1"/>
          <p:nvPr/>
        </p:nvSpPr>
        <p:spPr>
          <a:xfrm>
            <a:off x="142844" y="2357430"/>
            <a:ext cx="3001293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r">
              <a:defRPr sz="2000">
                <a:solidFill>
                  <a:schemeClr val="tx1"/>
                </a:solidFill>
                <a:latin typeface="Roboto Medium" pitchFamily="2" charset="0"/>
                <a:ea typeface="Roboto Medium" pitchFamily="2" charset="0"/>
                <a:cs typeface="Arial" pitchFamily="34" charset="0"/>
              </a:defRPr>
            </a:lvl1pPr>
          </a:lstStyle>
          <a:p>
            <a:r>
              <a:rPr lang="ru-RU" dirty="0" smtClean="0"/>
              <a:t>сети подвижной радиотелефонной связи</a:t>
            </a:r>
          </a:p>
        </p:txBody>
      </p:sp>
      <p:sp>
        <p:nvSpPr>
          <p:cNvPr id="89" name="TextBox 88">
            <a:extLst>
              <a:ext uri="{FF2B5EF4-FFF2-40B4-BE49-F238E27FC236}">
                <a16:creationId xmlns="" xmlns:a16="http://schemas.microsoft.com/office/drawing/2014/main" id="{EC56B2AC-C07D-42B8-818C-468453EBCB3C}"/>
              </a:ext>
            </a:extLst>
          </p:cNvPr>
          <p:cNvSpPr txBox="1"/>
          <p:nvPr/>
        </p:nvSpPr>
        <p:spPr>
          <a:xfrm>
            <a:off x="5900064" y="357166"/>
            <a:ext cx="3227447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l">
              <a:defRPr>
                <a:solidFill>
                  <a:schemeClr val="tx1"/>
                </a:solidFill>
                <a:latin typeface="Roboto Medium" pitchFamily="2" charset="0"/>
                <a:ea typeface="Roboto Medium" pitchFamily="2" charset="0"/>
                <a:cs typeface="Arial" pitchFamily="34" charset="0"/>
              </a:defRPr>
            </a:lvl1pPr>
          </a:lstStyle>
          <a:p>
            <a:r>
              <a:rPr lang="ru-RU" sz="2000" dirty="0" smtClean="0"/>
              <a:t>сети электрических, электронных сирен и  акустических систем </a:t>
            </a:r>
            <a:endParaRPr lang="en-US" altLang="ko-KR" sz="2000" dirty="0"/>
          </a:p>
        </p:txBody>
      </p:sp>
      <p:sp>
        <p:nvSpPr>
          <p:cNvPr id="92" name="TextBox 91">
            <a:extLst>
              <a:ext uri="{FF2B5EF4-FFF2-40B4-BE49-F238E27FC236}">
                <a16:creationId xmlns="" xmlns:a16="http://schemas.microsoft.com/office/drawing/2014/main" id="{86B86653-A6B3-4719-A8BE-00D5441EC8B7}"/>
              </a:ext>
            </a:extLst>
          </p:cNvPr>
          <p:cNvSpPr txBox="1"/>
          <p:nvPr/>
        </p:nvSpPr>
        <p:spPr>
          <a:xfrm>
            <a:off x="5982742" y="1643050"/>
            <a:ext cx="3161258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l">
              <a:defRPr>
                <a:solidFill>
                  <a:schemeClr val="tx1"/>
                </a:solidFill>
                <a:latin typeface="Roboto Medium" pitchFamily="2" charset="0"/>
                <a:ea typeface="Roboto Medium" pitchFamily="2" charset="0"/>
                <a:cs typeface="Arial" pitchFamily="34" charset="0"/>
              </a:defRPr>
            </a:lvl1pPr>
          </a:lstStyle>
          <a:p>
            <a:pPr fontAlgn="base"/>
            <a:r>
              <a:rPr lang="ru-RU" sz="2000" dirty="0" smtClean="0"/>
              <a:t>сети кабельного и эфирного телерадиовещания </a:t>
            </a:r>
            <a:endParaRPr lang="en-US" altLang="ko-KR" sz="2000" dirty="0"/>
          </a:p>
        </p:txBody>
      </p:sp>
      <p:sp>
        <p:nvSpPr>
          <p:cNvPr id="95" name="TextBox 94">
            <a:extLst>
              <a:ext uri="{FF2B5EF4-FFF2-40B4-BE49-F238E27FC236}">
                <a16:creationId xmlns="" xmlns:a16="http://schemas.microsoft.com/office/drawing/2014/main" id="{594DA700-3768-4AAA-B118-E5195E7C530E}"/>
              </a:ext>
            </a:extLst>
          </p:cNvPr>
          <p:cNvSpPr txBox="1"/>
          <p:nvPr/>
        </p:nvSpPr>
        <p:spPr>
          <a:xfrm>
            <a:off x="6006973" y="2928934"/>
            <a:ext cx="3137027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l">
              <a:defRPr>
                <a:solidFill>
                  <a:schemeClr val="tx1"/>
                </a:solidFill>
                <a:latin typeface="Roboto Medium" pitchFamily="2" charset="0"/>
                <a:ea typeface="Roboto Medium" pitchFamily="2" charset="0"/>
                <a:cs typeface="Arial" pitchFamily="34" charset="0"/>
              </a:defRPr>
            </a:lvl1pPr>
          </a:lstStyle>
          <a:p>
            <a:r>
              <a:rPr lang="ru-RU" sz="2000" dirty="0" smtClean="0"/>
              <a:t>сети местной телефонной связи, в том числе таксофоны</a:t>
            </a:r>
            <a:endParaRPr lang="en-US" altLang="ko-KR" sz="2000" dirty="0"/>
          </a:p>
        </p:txBody>
      </p:sp>
      <p:sp>
        <p:nvSpPr>
          <p:cNvPr id="66" name="Oval 21">
            <a:extLst>
              <a:ext uri="{FF2B5EF4-FFF2-40B4-BE49-F238E27FC236}">
                <a16:creationId xmlns="" xmlns:a16="http://schemas.microsoft.com/office/drawing/2014/main" id="{B2308ED7-351D-4643-AC0F-F63878F0D4B6}"/>
              </a:ext>
            </a:extLst>
          </p:cNvPr>
          <p:cNvSpPr/>
          <p:nvPr/>
        </p:nvSpPr>
        <p:spPr>
          <a:xfrm>
            <a:off x="4076596" y="885279"/>
            <a:ext cx="954559" cy="1039637"/>
          </a:xfrm>
          <a:custGeom>
            <a:avLst/>
            <a:gdLst/>
            <a:ahLst/>
            <a:cxnLst/>
            <a:rect l="l" t="t" r="r" b="b"/>
            <a:pathLst>
              <a:path w="1368152" h="2298537">
                <a:moveTo>
                  <a:pt x="684076" y="0"/>
                </a:moveTo>
                <a:cubicBezTo>
                  <a:pt x="803370" y="0"/>
                  <a:pt x="900076" y="96706"/>
                  <a:pt x="900076" y="216000"/>
                </a:cubicBezTo>
                <a:cubicBezTo>
                  <a:pt x="900076" y="287268"/>
                  <a:pt x="865561" y="350475"/>
                  <a:pt x="810076" y="386760"/>
                </a:cubicBezTo>
                <a:lnTo>
                  <a:pt x="810076" y="450517"/>
                </a:lnTo>
                <a:lnTo>
                  <a:pt x="1368152" y="450517"/>
                </a:lnTo>
                <a:lnTo>
                  <a:pt x="1368152" y="895744"/>
                </a:lnTo>
                <a:cubicBezTo>
                  <a:pt x="1331417" y="875468"/>
                  <a:pt x="1289090" y="864516"/>
                  <a:pt x="1244206" y="864516"/>
                </a:cubicBezTo>
                <a:cubicBezTo>
                  <a:pt x="1095089" y="864516"/>
                  <a:pt x="974206" y="985399"/>
                  <a:pt x="974206" y="1134516"/>
                </a:cubicBezTo>
                <a:cubicBezTo>
                  <a:pt x="974206" y="1283633"/>
                  <a:pt x="1095089" y="1404516"/>
                  <a:pt x="1244206" y="1404516"/>
                </a:cubicBezTo>
                <a:cubicBezTo>
                  <a:pt x="1289090" y="1404516"/>
                  <a:pt x="1331417" y="1393563"/>
                  <a:pt x="1368152" y="1373288"/>
                </a:cubicBezTo>
                <a:lnTo>
                  <a:pt x="1368152" y="1818517"/>
                </a:lnTo>
                <a:lnTo>
                  <a:pt x="810076" y="1818517"/>
                </a:lnTo>
                <a:lnTo>
                  <a:pt x="810076" y="1911777"/>
                </a:lnTo>
                <a:cubicBezTo>
                  <a:pt x="865561" y="1948062"/>
                  <a:pt x="900076" y="2011269"/>
                  <a:pt x="900076" y="2082537"/>
                </a:cubicBezTo>
                <a:cubicBezTo>
                  <a:pt x="900076" y="2201831"/>
                  <a:pt x="803370" y="2298537"/>
                  <a:pt x="684076" y="2298537"/>
                </a:cubicBezTo>
                <a:cubicBezTo>
                  <a:pt x="564782" y="2298537"/>
                  <a:pt x="468076" y="2201831"/>
                  <a:pt x="468076" y="2082537"/>
                </a:cubicBezTo>
                <a:cubicBezTo>
                  <a:pt x="468076" y="2011269"/>
                  <a:pt x="502591" y="1948062"/>
                  <a:pt x="558076" y="1911777"/>
                </a:cubicBezTo>
                <a:lnTo>
                  <a:pt x="558076" y="1818517"/>
                </a:lnTo>
                <a:lnTo>
                  <a:pt x="0" y="1818517"/>
                </a:lnTo>
                <a:lnTo>
                  <a:pt x="0" y="1368933"/>
                </a:lnTo>
                <a:cubicBezTo>
                  <a:pt x="39235" y="1391659"/>
                  <a:pt x="84862" y="1404516"/>
                  <a:pt x="133491" y="1404516"/>
                </a:cubicBezTo>
                <a:cubicBezTo>
                  <a:pt x="282608" y="1404516"/>
                  <a:pt x="403491" y="1283633"/>
                  <a:pt x="403491" y="1134516"/>
                </a:cubicBezTo>
                <a:cubicBezTo>
                  <a:pt x="403491" y="985399"/>
                  <a:pt x="282608" y="864516"/>
                  <a:pt x="133491" y="864516"/>
                </a:cubicBezTo>
                <a:cubicBezTo>
                  <a:pt x="84862" y="864516"/>
                  <a:pt x="39235" y="877372"/>
                  <a:pt x="0" y="900098"/>
                </a:cubicBezTo>
                <a:lnTo>
                  <a:pt x="0" y="450517"/>
                </a:lnTo>
                <a:lnTo>
                  <a:pt x="558076" y="450517"/>
                </a:lnTo>
                <a:lnTo>
                  <a:pt x="558076" y="386760"/>
                </a:lnTo>
                <a:cubicBezTo>
                  <a:pt x="502591" y="350475"/>
                  <a:pt x="468076" y="287268"/>
                  <a:pt x="468076" y="216000"/>
                </a:cubicBezTo>
                <a:cubicBezTo>
                  <a:pt x="468076" y="96706"/>
                  <a:pt x="564782" y="0"/>
                  <a:pt x="684076" y="0"/>
                </a:cubicBezTo>
                <a:close/>
              </a:path>
            </a:pathLst>
          </a:custGeom>
          <a:solidFill>
            <a:srgbClr val="E16F1A"/>
          </a:solidFill>
          <a:ln w="6350"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800">
              <a:solidFill>
                <a:schemeClr val="tx1">
                  <a:lumMod val="65000"/>
                  <a:lumOff val="35000"/>
                </a:schemeClr>
              </a:solidFill>
            </a:endParaRPr>
          </a:p>
        </p:txBody>
      </p:sp>
      <p:sp>
        <p:nvSpPr>
          <p:cNvPr id="67" name="Oval 21">
            <a:extLst>
              <a:ext uri="{FF2B5EF4-FFF2-40B4-BE49-F238E27FC236}">
                <a16:creationId xmlns="" xmlns:a16="http://schemas.microsoft.com/office/drawing/2014/main" id="{E719372C-89F2-47DF-9F8E-53BC47ECE60A}"/>
              </a:ext>
            </a:extLst>
          </p:cNvPr>
          <p:cNvSpPr/>
          <p:nvPr/>
        </p:nvSpPr>
        <p:spPr>
          <a:xfrm rot="16200000" flipH="1">
            <a:off x="4414816" y="77249"/>
            <a:ext cx="618808" cy="1286218"/>
          </a:xfrm>
          <a:custGeom>
            <a:avLst/>
            <a:gdLst>
              <a:gd name="connsiteX0" fmla="*/ 1449013 w 1449013"/>
              <a:gd name="connsiteY0" fmla="*/ 0 h 1952472"/>
              <a:gd name="connsiteX1" fmla="*/ 1449013 w 1449013"/>
              <a:gd name="connsiteY1" fmla="*/ 466741 h 1952472"/>
              <a:gd name="connsiteX2" fmla="*/ 1317741 w 1449013"/>
              <a:gd name="connsiteY2" fmla="*/ 433666 h 1952472"/>
              <a:gd name="connsiteX3" fmla="*/ 1031784 w 1449013"/>
              <a:gd name="connsiteY3" fmla="*/ 719630 h 1952472"/>
              <a:gd name="connsiteX4" fmla="*/ 1317741 w 1449013"/>
              <a:gd name="connsiteY4" fmla="*/ 1005593 h 1952472"/>
              <a:gd name="connsiteX5" fmla="*/ 1449013 w 1449013"/>
              <a:gd name="connsiteY5" fmla="*/ 972519 h 1952472"/>
              <a:gd name="connsiteX6" fmla="*/ 1449013 w 1449013"/>
              <a:gd name="connsiteY6" fmla="*/ 1444072 h 1952472"/>
              <a:gd name="connsiteX7" fmla="*/ 857954 w 1449013"/>
              <a:gd name="connsiteY7" fmla="*/ 1444072 h 1952472"/>
              <a:gd name="connsiteX8" fmla="*/ 857954 w 1449013"/>
              <a:gd name="connsiteY8" fmla="*/ 1542845 h 1952472"/>
              <a:gd name="connsiteX9" fmla="*/ 953273 w 1449013"/>
              <a:gd name="connsiteY9" fmla="*/ 1723701 h 1952472"/>
              <a:gd name="connsiteX10" fmla="*/ 724507 w 1449013"/>
              <a:gd name="connsiteY10" fmla="*/ 1952472 h 1952472"/>
              <a:gd name="connsiteX11" fmla="*/ 495741 w 1449013"/>
              <a:gd name="connsiteY11" fmla="*/ 1723701 h 1952472"/>
              <a:gd name="connsiteX12" fmla="*/ 591060 w 1449013"/>
              <a:gd name="connsiteY12" fmla="*/ 1542845 h 1952472"/>
              <a:gd name="connsiteX13" fmla="*/ 591060 w 1449013"/>
              <a:gd name="connsiteY13" fmla="*/ 1444072 h 1952472"/>
              <a:gd name="connsiteX14" fmla="*/ 0 w 1449013"/>
              <a:gd name="connsiteY14" fmla="*/ 1444072 h 1952472"/>
              <a:gd name="connsiteX15" fmla="*/ 0 w 1449013"/>
              <a:gd name="connsiteY15" fmla="*/ 967906 h 1952472"/>
              <a:gd name="connsiteX16" fmla="*/ 427338 w 1449013"/>
              <a:gd name="connsiteY16" fmla="*/ 719630 h 1952472"/>
              <a:gd name="connsiteX17" fmla="*/ 141381 w 1449013"/>
              <a:gd name="connsiteY17" fmla="*/ 433666 h 1952472"/>
              <a:gd name="connsiteX18" fmla="*/ 0 w 1449013"/>
              <a:gd name="connsiteY18" fmla="*/ 471352 h 1952472"/>
              <a:gd name="connsiteX19" fmla="*/ 0 w 1449013"/>
              <a:gd name="connsiteY19" fmla="*/ 0 h 1952472"/>
              <a:gd name="connsiteX20" fmla="*/ 1449013 w 1449013"/>
              <a:gd name="connsiteY20" fmla="*/ 0 h 1952472"/>
              <a:gd name="connsiteX0" fmla="*/ 1449013 w 1449013"/>
              <a:gd name="connsiteY0" fmla="*/ 0 h 1952472"/>
              <a:gd name="connsiteX1" fmla="*/ 1449013 w 1449013"/>
              <a:gd name="connsiteY1" fmla="*/ 466741 h 1952472"/>
              <a:gd name="connsiteX2" fmla="*/ 1317741 w 1449013"/>
              <a:gd name="connsiteY2" fmla="*/ 433666 h 1952472"/>
              <a:gd name="connsiteX3" fmla="*/ 1031784 w 1449013"/>
              <a:gd name="connsiteY3" fmla="*/ 719630 h 1952472"/>
              <a:gd name="connsiteX4" fmla="*/ 1317741 w 1449013"/>
              <a:gd name="connsiteY4" fmla="*/ 1005593 h 1952472"/>
              <a:gd name="connsiteX5" fmla="*/ 1449013 w 1449013"/>
              <a:gd name="connsiteY5" fmla="*/ 972519 h 1952472"/>
              <a:gd name="connsiteX6" fmla="*/ 1449013 w 1449013"/>
              <a:gd name="connsiteY6" fmla="*/ 1444072 h 1952472"/>
              <a:gd name="connsiteX7" fmla="*/ 857954 w 1449013"/>
              <a:gd name="connsiteY7" fmla="*/ 1444072 h 1952472"/>
              <a:gd name="connsiteX8" fmla="*/ 857954 w 1449013"/>
              <a:gd name="connsiteY8" fmla="*/ 1542845 h 1952472"/>
              <a:gd name="connsiteX9" fmla="*/ 953273 w 1449013"/>
              <a:gd name="connsiteY9" fmla="*/ 1723701 h 1952472"/>
              <a:gd name="connsiteX10" fmla="*/ 724507 w 1449013"/>
              <a:gd name="connsiteY10" fmla="*/ 1952472 h 1952472"/>
              <a:gd name="connsiteX11" fmla="*/ 495741 w 1449013"/>
              <a:gd name="connsiteY11" fmla="*/ 1723701 h 1952472"/>
              <a:gd name="connsiteX12" fmla="*/ 591060 w 1449013"/>
              <a:gd name="connsiteY12" fmla="*/ 1542845 h 1952472"/>
              <a:gd name="connsiteX13" fmla="*/ 591060 w 1449013"/>
              <a:gd name="connsiteY13" fmla="*/ 1444072 h 1952472"/>
              <a:gd name="connsiteX14" fmla="*/ 0 w 1449013"/>
              <a:gd name="connsiteY14" fmla="*/ 1444072 h 1952472"/>
              <a:gd name="connsiteX15" fmla="*/ 0 w 1449013"/>
              <a:gd name="connsiteY15" fmla="*/ 967906 h 1952472"/>
              <a:gd name="connsiteX16" fmla="*/ 141381 w 1449013"/>
              <a:gd name="connsiteY16" fmla="*/ 433666 h 1952472"/>
              <a:gd name="connsiteX17" fmla="*/ 0 w 1449013"/>
              <a:gd name="connsiteY17" fmla="*/ 471352 h 1952472"/>
              <a:gd name="connsiteX18" fmla="*/ 0 w 1449013"/>
              <a:gd name="connsiteY18" fmla="*/ 0 h 1952472"/>
              <a:gd name="connsiteX19" fmla="*/ 1449013 w 1449013"/>
              <a:gd name="connsiteY19" fmla="*/ 0 h 1952472"/>
              <a:gd name="connsiteX0" fmla="*/ 1449013 w 1449013"/>
              <a:gd name="connsiteY0" fmla="*/ 0 h 1952472"/>
              <a:gd name="connsiteX1" fmla="*/ 1449013 w 1449013"/>
              <a:gd name="connsiteY1" fmla="*/ 466741 h 1952472"/>
              <a:gd name="connsiteX2" fmla="*/ 1317741 w 1449013"/>
              <a:gd name="connsiteY2" fmla="*/ 433666 h 1952472"/>
              <a:gd name="connsiteX3" fmla="*/ 1031784 w 1449013"/>
              <a:gd name="connsiteY3" fmla="*/ 719630 h 1952472"/>
              <a:gd name="connsiteX4" fmla="*/ 1317741 w 1449013"/>
              <a:gd name="connsiteY4" fmla="*/ 1005593 h 1952472"/>
              <a:gd name="connsiteX5" fmla="*/ 1449013 w 1449013"/>
              <a:gd name="connsiteY5" fmla="*/ 972519 h 1952472"/>
              <a:gd name="connsiteX6" fmla="*/ 1449013 w 1449013"/>
              <a:gd name="connsiteY6" fmla="*/ 1444072 h 1952472"/>
              <a:gd name="connsiteX7" fmla="*/ 857954 w 1449013"/>
              <a:gd name="connsiteY7" fmla="*/ 1444072 h 1952472"/>
              <a:gd name="connsiteX8" fmla="*/ 857954 w 1449013"/>
              <a:gd name="connsiteY8" fmla="*/ 1542845 h 1952472"/>
              <a:gd name="connsiteX9" fmla="*/ 953273 w 1449013"/>
              <a:gd name="connsiteY9" fmla="*/ 1723701 h 1952472"/>
              <a:gd name="connsiteX10" fmla="*/ 724507 w 1449013"/>
              <a:gd name="connsiteY10" fmla="*/ 1952472 h 1952472"/>
              <a:gd name="connsiteX11" fmla="*/ 495741 w 1449013"/>
              <a:gd name="connsiteY11" fmla="*/ 1723701 h 1952472"/>
              <a:gd name="connsiteX12" fmla="*/ 591060 w 1449013"/>
              <a:gd name="connsiteY12" fmla="*/ 1542845 h 1952472"/>
              <a:gd name="connsiteX13" fmla="*/ 591060 w 1449013"/>
              <a:gd name="connsiteY13" fmla="*/ 1444072 h 1952472"/>
              <a:gd name="connsiteX14" fmla="*/ 0 w 1449013"/>
              <a:gd name="connsiteY14" fmla="*/ 1444072 h 1952472"/>
              <a:gd name="connsiteX15" fmla="*/ 0 w 1449013"/>
              <a:gd name="connsiteY15" fmla="*/ 967906 h 1952472"/>
              <a:gd name="connsiteX16" fmla="*/ 0 w 1449013"/>
              <a:gd name="connsiteY16" fmla="*/ 471352 h 1952472"/>
              <a:gd name="connsiteX17" fmla="*/ 0 w 1449013"/>
              <a:gd name="connsiteY17" fmla="*/ 0 h 1952472"/>
              <a:gd name="connsiteX18" fmla="*/ 1449013 w 1449013"/>
              <a:gd name="connsiteY18" fmla="*/ 0 h 1952472"/>
              <a:gd name="connsiteX0" fmla="*/ 1449013 w 1449013"/>
              <a:gd name="connsiteY0" fmla="*/ 0 h 1952472"/>
              <a:gd name="connsiteX1" fmla="*/ 1449013 w 1449013"/>
              <a:gd name="connsiteY1" fmla="*/ 466741 h 1952472"/>
              <a:gd name="connsiteX2" fmla="*/ 1317741 w 1449013"/>
              <a:gd name="connsiteY2" fmla="*/ 433666 h 1952472"/>
              <a:gd name="connsiteX3" fmla="*/ 1031784 w 1449013"/>
              <a:gd name="connsiteY3" fmla="*/ 719630 h 1952472"/>
              <a:gd name="connsiteX4" fmla="*/ 1317741 w 1449013"/>
              <a:gd name="connsiteY4" fmla="*/ 1005593 h 1952472"/>
              <a:gd name="connsiteX5" fmla="*/ 1449013 w 1449013"/>
              <a:gd name="connsiteY5" fmla="*/ 972519 h 1952472"/>
              <a:gd name="connsiteX6" fmla="*/ 1449013 w 1449013"/>
              <a:gd name="connsiteY6" fmla="*/ 1444072 h 1952472"/>
              <a:gd name="connsiteX7" fmla="*/ 857954 w 1449013"/>
              <a:gd name="connsiteY7" fmla="*/ 1444072 h 1952472"/>
              <a:gd name="connsiteX8" fmla="*/ 857954 w 1449013"/>
              <a:gd name="connsiteY8" fmla="*/ 1542845 h 1952472"/>
              <a:gd name="connsiteX9" fmla="*/ 953273 w 1449013"/>
              <a:gd name="connsiteY9" fmla="*/ 1723701 h 1952472"/>
              <a:gd name="connsiteX10" fmla="*/ 724507 w 1449013"/>
              <a:gd name="connsiteY10" fmla="*/ 1952472 h 1952472"/>
              <a:gd name="connsiteX11" fmla="*/ 495741 w 1449013"/>
              <a:gd name="connsiteY11" fmla="*/ 1723701 h 1952472"/>
              <a:gd name="connsiteX12" fmla="*/ 591060 w 1449013"/>
              <a:gd name="connsiteY12" fmla="*/ 1542845 h 1952472"/>
              <a:gd name="connsiteX13" fmla="*/ 591060 w 1449013"/>
              <a:gd name="connsiteY13" fmla="*/ 1444072 h 1952472"/>
              <a:gd name="connsiteX14" fmla="*/ 0 w 1449013"/>
              <a:gd name="connsiteY14" fmla="*/ 1444072 h 1952472"/>
              <a:gd name="connsiteX15" fmla="*/ 0 w 1449013"/>
              <a:gd name="connsiteY15" fmla="*/ 967906 h 1952472"/>
              <a:gd name="connsiteX16" fmla="*/ 0 w 1449013"/>
              <a:gd name="connsiteY16" fmla="*/ 0 h 1952472"/>
              <a:gd name="connsiteX17" fmla="*/ 1449013 w 1449013"/>
              <a:gd name="connsiteY17" fmla="*/ 0 h 1952472"/>
              <a:gd name="connsiteX0" fmla="*/ 1449013 w 1449013"/>
              <a:gd name="connsiteY0" fmla="*/ 0 h 1952472"/>
              <a:gd name="connsiteX1" fmla="*/ 1449013 w 1449013"/>
              <a:gd name="connsiteY1" fmla="*/ 466741 h 1952472"/>
              <a:gd name="connsiteX2" fmla="*/ 1317741 w 1449013"/>
              <a:gd name="connsiteY2" fmla="*/ 433666 h 1952472"/>
              <a:gd name="connsiteX3" fmla="*/ 1031784 w 1449013"/>
              <a:gd name="connsiteY3" fmla="*/ 719630 h 1952472"/>
              <a:gd name="connsiteX4" fmla="*/ 1317741 w 1449013"/>
              <a:gd name="connsiteY4" fmla="*/ 1005593 h 1952472"/>
              <a:gd name="connsiteX5" fmla="*/ 1449013 w 1449013"/>
              <a:gd name="connsiteY5" fmla="*/ 972519 h 1952472"/>
              <a:gd name="connsiteX6" fmla="*/ 1449013 w 1449013"/>
              <a:gd name="connsiteY6" fmla="*/ 1444072 h 1952472"/>
              <a:gd name="connsiteX7" fmla="*/ 857954 w 1449013"/>
              <a:gd name="connsiteY7" fmla="*/ 1444072 h 1952472"/>
              <a:gd name="connsiteX8" fmla="*/ 857954 w 1449013"/>
              <a:gd name="connsiteY8" fmla="*/ 1542845 h 1952472"/>
              <a:gd name="connsiteX9" fmla="*/ 953273 w 1449013"/>
              <a:gd name="connsiteY9" fmla="*/ 1723701 h 1952472"/>
              <a:gd name="connsiteX10" fmla="*/ 724507 w 1449013"/>
              <a:gd name="connsiteY10" fmla="*/ 1952472 h 1952472"/>
              <a:gd name="connsiteX11" fmla="*/ 495741 w 1449013"/>
              <a:gd name="connsiteY11" fmla="*/ 1723701 h 1952472"/>
              <a:gd name="connsiteX12" fmla="*/ 591060 w 1449013"/>
              <a:gd name="connsiteY12" fmla="*/ 1542845 h 1952472"/>
              <a:gd name="connsiteX13" fmla="*/ 591060 w 1449013"/>
              <a:gd name="connsiteY13" fmla="*/ 1444072 h 1952472"/>
              <a:gd name="connsiteX14" fmla="*/ 0 w 1449013"/>
              <a:gd name="connsiteY14" fmla="*/ 1444072 h 1952472"/>
              <a:gd name="connsiteX15" fmla="*/ 0 w 1449013"/>
              <a:gd name="connsiteY15" fmla="*/ 0 h 1952472"/>
              <a:gd name="connsiteX16" fmla="*/ 1449013 w 1449013"/>
              <a:gd name="connsiteY16" fmla="*/ 0 h 195247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</a:cxnLst>
            <a:rect l="l" t="t" r="r" b="b"/>
            <a:pathLst>
              <a:path w="1449013" h="1952472">
                <a:moveTo>
                  <a:pt x="1449013" y="0"/>
                </a:moveTo>
                <a:lnTo>
                  <a:pt x="1449013" y="466741"/>
                </a:lnTo>
                <a:cubicBezTo>
                  <a:pt x="1410107" y="445266"/>
                  <a:pt x="1365278" y="433666"/>
                  <a:pt x="1317741" y="433666"/>
                </a:cubicBezTo>
                <a:cubicBezTo>
                  <a:pt x="1159811" y="433666"/>
                  <a:pt x="1031784" y="561696"/>
                  <a:pt x="1031784" y="719630"/>
                </a:cubicBezTo>
                <a:cubicBezTo>
                  <a:pt x="1031784" y="877563"/>
                  <a:pt x="1159811" y="1005593"/>
                  <a:pt x="1317741" y="1005593"/>
                </a:cubicBezTo>
                <a:cubicBezTo>
                  <a:pt x="1365278" y="1005593"/>
                  <a:pt x="1410107" y="993993"/>
                  <a:pt x="1449013" y="972519"/>
                </a:cubicBezTo>
                <a:lnTo>
                  <a:pt x="1449013" y="1444072"/>
                </a:lnTo>
                <a:lnTo>
                  <a:pt x="857954" y="1444072"/>
                </a:lnTo>
                <a:lnTo>
                  <a:pt x="857954" y="1542845"/>
                </a:lnTo>
                <a:cubicBezTo>
                  <a:pt x="916718" y="1581276"/>
                  <a:pt x="953273" y="1648220"/>
                  <a:pt x="953273" y="1723701"/>
                </a:cubicBezTo>
                <a:cubicBezTo>
                  <a:pt x="953273" y="1850048"/>
                  <a:pt x="850851" y="1952472"/>
                  <a:pt x="724507" y="1952472"/>
                </a:cubicBezTo>
                <a:cubicBezTo>
                  <a:pt x="598162" y="1952472"/>
                  <a:pt x="495741" y="1850048"/>
                  <a:pt x="495741" y="1723701"/>
                </a:cubicBezTo>
                <a:cubicBezTo>
                  <a:pt x="495741" y="1648220"/>
                  <a:pt x="532295" y="1581276"/>
                  <a:pt x="591060" y="1542845"/>
                </a:cubicBezTo>
                <a:lnTo>
                  <a:pt x="591060" y="1444072"/>
                </a:lnTo>
                <a:lnTo>
                  <a:pt x="0" y="1444072"/>
                </a:lnTo>
                <a:lnTo>
                  <a:pt x="0" y="0"/>
                </a:lnTo>
                <a:lnTo>
                  <a:pt x="1449013" y="0"/>
                </a:lnTo>
                <a:close/>
              </a:path>
            </a:pathLst>
          </a:custGeom>
          <a:solidFill>
            <a:srgbClr val="8C038C"/>
          </a:solidFill>
          <a:ln w="6350">
            <a:solidFill>
              <a:srgbClr val="00206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800">
              <a:solidFill>
                <a:schemeClr val="tx1">
                  <a:lumMod val="65000"/>
                  <a:lumOff val="35000"/>
                </a:schemeClr>
              </a:solidFill>
            </a:endParaRPr>
          </a:p>
        </p:txBody>
      </p:sp>
      <p:sp>
        <p:nvSpPr>
          <p:cNvPr id="68" name="Oval 21">
            <a:extLst>
              <a:ext uri="{FF2B5EF4-FFF2-40B4-BE49-F238E27FC236}">
                <a16:creationId xmlns="" xmlns:a16="http://schemas.microsoft.com/office/drawing/2014/main" id="{5E558BC4-9DE7-45C5-8BA9-585271E4A2E5}"/>
              </a:ext>
            </a:extLst>
          </p:cNvPr>
          <p:cNvSpPr/>
          <p:nvPr/>
        </p:nvSpPr>
        <p:spPr>
          <a:xfrm>
            <a:off x="4076595" y="2234188"/>
            <a:ext cx="954559" cy="1039637"/>
          </a:xfrm>
          <a:custGeom>
            <a:avLst/>
            <a:gdLst/>
            <a:ahLst/>
            <a:cxnLst/>
            <a:rect l="l" t="t" r="r" b="b"/>
            <a:pathLst>
              <a:path w="1368152" h="2298537">
                <a:moveTo>
                  <a:pt x="684076" y="0"/>
                </a:moveTo>
                <a:cubicBezTo>
                  <a:pt x="803370" y="0"/>
                  <a:pt x="900076" y="96706"/>
                  <a:pt x="900076" y="216000"/>
                </a:cubicBezTo>
                <a:cubicBezTo>
                  <a:pt x="900076" y="287268"/>
                  <a:pt x="865561" y="350475"/>
                  <a:pt x="810076" y="386760"/>
                </a:cubicBezTo>
                <a:lnTo>
                  <a:pt x="810076" y="450517"/>
                </a:lnTo>
                <a:lnTo>
                  <a:pt x="1368152" y="450517"/>
                </a:lnTo>
                <a:lnTo>
                  <a:pt x="1368152" y="895744"/>
                </a:lnTo>
                <a:cubicBezTo>
                  <a:pt x="1331417" y="875468"/>
                  <a:pt x="1289090" y="864516"/>
                  <a:pt x="1244206" y="864516"/>
                </a:cubicBezTo>
                <a:cubicBezTo>
                  <a:pt x="1095089" y="864516"/>
                  <a:pt x="974206" y="985399"/>
                  <a:pt x="974206" y="1134516"/>
                </a:cubicBezTo>
                <a:cubicBezTo>
                  <a:pt x="974206" y="1283633"/>
                  <a:pt x="1095089" y="1404516"/>
                  <a:pt x="1244206" y="1404516"/>
                </a:cubicBezTo>
                <a:cubicBezTo>
                  <a:pt x="1289090" y="1404516"/>
                  <a:pt x="1331417" y="1393563"/>
                  <a:pt x="1368152" y="1373288"/>
                </a:cubicBezTo>
                <a:lnTo>
                  <a:pt x="1368152" y="1818517"/>
                </a:lnTo>
                <a:lnTo>
                  <a:pt x="810076" y="1818517"/>
                </a:lnTo>
                <a:lnTo>
                  <a:pt x="810076" y="1911777"/>
                </a:lnTo>
                <a:cubicBezTo>
                  <a:pt x="865561" y="1948062"/>
                  <a:pt x="900076" y="2011269"/>
                  <a:pt x="900076" y="2082537"/>
                </a:cubicBezTo>
                <a:cubicBezTo>
                  <a:pt x="900076" y="2201831"/>
                  <a:pt x="803370" y="2298537"/>
                  <a:pt x="684076" y="2298537"/>
                </a:cubicBezTo>
                <a:cubicBezTo>
                  <a:pt x="564782" y="2298537"/>
                  <a:pt x="468076" y="2201831"/>
                  <a:pt x="468076" y="2082537"/>
                </a:cubicBezTo>
                <a:cubicBezTo>
                  <a:pt x="468076" y="2011269"/>
                  <a:pt x="502591" y="1948062"/>
                  <a:pt x="558076" y="1911777"/>
                </a:cubicBezTo>
                <a:lnTo>
                  <a:pt x="558076" y="1818517"/>
                </a:lnTo>
                <a:lnTo>
                  <a:pt x="0" y="1818517"/>
                </a:lnTo>
                <a:lnTo>
                  <a:pt x="0" y="1368933"/>
                </a:lnTo>
                <a:cubicBezTo>
                  <a:pt x="39235" y="1391659"/>
                  <a:pt x="84862" y="1404516"/>
                  <a:pt x="133491" y="1404516"/>
                </a:cubicBezTo>
                <a:cubicBezTo>
                  <a:pt x="282608" y="1404516"/>
                  <a:pt x="403491" y="1283633"/>
                  <a:pt x="403491" y="1134516"/>
                </a:cubicBezTo>
                <a:cubicBezTo>
                  <a:pt x="403491" y="985399"/>
                  <a:pt x="282608" y="864516"/>
                  <a:pt x="133491" y="864516"/>
                </a:cubicBezTo>
                <a:cubicBezTo>
                  <a:pt x="84862" y="864516"/>
                  <a:pt x="39235" y="877372"/>
                  <a:pt x="0" y="900098"/>
                </a:cubicBezTo>
                <a:lnTo>
                  <a:pt x="0" y="450517"/>
                </a:lnTo>
                <a:lnTo>
                  <a:pt x="558076" y="450517"/>
                </a:lnTo>
                <a:lnTo>
                  <a:pt x="558076" y="386760"/>
                </a:lnTo>
                <a:cubicBezTo>
                  <a:pt x="502591" y="350475"/>
                  <a:pt x="468076" y="287268"/>
                  <a:pt x="468076" y="216000"/>
                </a:cubicBezTo>
                <a:cubicBezTo>
                  <a:pt x="468076" y="96706"/>
                  <a:pt x="564782" y="0"/>
                  <a:pt x="684076" y="0"/>
                </a:cubicBezTo>
                <a:close/>
              </a:path>
            </a:pathLst>
          </a:custGeom>
          <a:solidFill>
            <a:srgbClr val="7D037D"/>
          </a:solidFill>
          <a:ln w="6350"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800">
              <a:solidFill>
                <a:schemeClr val="tx1">
                  <a:lumMod val="65000"/>
                  <a:lumOff val="35000"/>
                </a:schemeClr>
              </a:solidFill>
            </a:endParaRPr>
          </a:p>
        </p:txBody>
      </p:sp>
      <p:sp>
        <p:nvSpPr>
          <p:cNvPr id="69" name="Oval 21">
            <a:extLst>
              <a:ext uri="{FF2B5EF4-FFF2-40B4-BE49-F238E27FC236}">
                <a16:creationId xmlns="" xmlns:a16="http://schemas.microsoft.com/office/drawing/2014/main" id="{5DD6EF13-B7B7-42EB-85A4-EC4FE921ECEC}"/>
              </a:ext>
            </a:extLst>
          </p:cNvPr>
          <p:cNvSpPr/>
          <p:nvPr/>
        </p:nvSpPr>
        <p:spPr>
          <a:xfrm rot="16200000" flipH="1">
            <a:off x="4430791" y="5484784"/>
            <a:ext cx="618808" cy="1286221"/>
          </a:xfrm>
          <a:custGeom>
            <a:avLst/>
            <a:gdLst>
              <a:gd name="connsiteX0" fmla="*/ 1449013 w 1449013"/>
              <a:gd name="connsiteY0" fmla="*/ 0 h 1952472"/>
              <a:gd name="connsiteX1" fmla="*/ 1449013 w 1449013"/>
              <a:gd name="connsiteY1" fmla="*/ 466741 h 1952472"/>
              <a:gd name="connsiteX2" fmla="*/ 1317741 w 1449013"/>
              <a:gd name="connsiteY2" fmla="*/ 433666 h 1952472"/>
              <a:gd name="connsiteX3" fmla="*/ 1031784 w 1449013"/>
              <a:gd name="connsiteY3" fmla="*/ 719630 h 1952472"/>
              <a:gd name="connsiteX4" fmla="*/ 1449013 w 1449013"/>
              <a:gd name="connsiteY4" fmla="*/ 972519 h 1952472"/>
              <a:gd name="connsiteX5" fmla="*/ 1449013 w 1449013"/>
              <a:gd name="connsiteY5" fmla="*/ 1444072 h 1952472"/>
              <a:gd name="connsiteX6" fmla="*/ 857954 w 1449013"/>
              <a:gd name="connsiteY6" fmla="*/ 1444072 h 1952472"/>
              <a:gd name="connsiteX7" fmla="*/ 857954 w 1449013"/>
              <a:gd name="connsiteY7" fmla="*/ 1542845 h 1952472"/>
              <a:gd name="connsiteX8" fmla="*/ 953273 w 1449013"/>
              <a:gd name="connsiteY8" fmla="*/ 1723701 h 1952472"/>
              <a:gd name="connsiteX9" fmla="*/ 724507 w 1449013"/>
              <a:gd name="connsiteY9" fmla="*/ 1952472 h 1952472"/>
              <a:gd name="connsiteX10" fmla="*/ 495741 w 1449013"/>
              <a:gd name="connsiteY10" fmla="*/ 1723701 h 1952472"/>
              <a:gd name="connsiteX11" fmla="*/ 591060 w 1449013"/>
              <a:gd name="connsiteY11" fmla="*/ 1542845 h 1952472"/>
              <a:gd name="connsiteX12" fmla="*/ 591060 w 1449013"/>
              <a:gd name="connsiteY12" fmla="*/ 1444072 h 1952472"/>
              <a:gd name="connsiteX13" fmla="*/ 0 w 1449013"/>
              <a:gd name="connsiteY13" fmla="*/ 1444072 h 1952472"/>
              <a:gd name="connsiteX14" fmla="*/ 0 w 1449013"/>
              <a:gd name="connsiteY14" fmla="*/ 967906 h 1952472"/>
              <a:gd name="connsiteX15" fmla="*/ 141381 w 1449013"/>
              <a:gd name="connsiteY15" fmla="*/ 1005593 h 1952472"/>
              <a:gd name="connsiteX16" fmla="*/ 427338 w 1449013"/>
              <a:gd name="connsiteY16" fmla="*/ 719630 h 1952472"/>
              <a:gd name="connsiteX17" fmla="*/ 141381 w 1449013"/>
              <a:gd name="connsiteY17" fmla="*/ 433666 h 1952472"/>
              <a:gd name="connsiteX18" fmla="*/ 0 w 1449013"/>
              <a:gd name="connsiteY18" fmla="*/ 471352 h 1952472"/>
              <a:gd name="connsiteX19" fmla="*/ 0 w 1449013"/>
              <a:gd name="connsiteY19" fmla="*/ 0 h 1952472"/>
              <a:gd name="connsiteX20" fmla="*/ 1449013 w 1449013"/>
              <a:gd name="connsiteY20" fmla="*/ 0 h 1952472"/>
              <a:gd name="connsiteX0" fmla="*/ 1449013 w 1449013"/>
              <a:gd name="connsiteY0" fmla="*/ 0 h 1952472"/>
              <a:gd name="connsiteX1" fmla="*/ 1449013 w 1449013"/>
              <a:gd name="connsiteY1" fmla="*/ 466741 h 1952472"/>
              <a:gd name="connsiteX2" fmla="*/ 1317741 w 1449013"/>
              <a:gd name="connsiteY2" fmla="*/ 433666 h 1952472"/>
              <a:gd name="connsiteX3" fmla="*/ 1449013 w 1449013"/>
              <a:gd name="connsiteY3" fmla="*/ 972519 h 1952472"/>
              <a:gd name="connsiteX4" fmla="*/ 1449013 w 1449013"/>
              <a:gd name="connsiteY4" fmla="*/ 1444072 h 1952472"/>
              <a:gd name="connsiteX5" fmla="*/ 857954 w 1449013"/>
              <a:gd name="connsiteY5" fmla="*/ 1444072 h 1952472"/>
              <a:gd name="connsiteX6" fmla="*/ 857954 w 1449013"/>
              <a:gd name="connsiteY6" fmla="*/ 1542845 h 1952472"/>
              <a:gd name="connsiteX7" fmla="*/ 953273 w 1449013"/>
              <a:gd name="connsiteY7" fmla="*/ 1723701 h 1952472"/>
              <a:gd name="connsiteX8" fmla="*/ 724507 w 1449013"/>
              <a:gd name="connsiteY8" fmla="*/ 1952472 h 1952472"/>
              <a:gd name="connsiteX9" fmla="*/ 495741 w 1449013"/>
              <a:gd name="connsiteY9" fmla="*/ 1723701 h 1952472"/>
              <a:gd name="connsiteX10" fmla="*/ 591060 w 1449013"/>
              <a:gd name="connsiteY10" fmla="*/ 1542845 h 1952472"/>
              <a:gd name="connsiteX11" fmla="*/ 591060 w 1449013"/>
              <a:gd name="connsiteY11" fmla="*/ 1444072 h 1952472"/>
              <a:gd name="connsiteX12" fmla="*/ 0 w 1449013"/>
              <a:gd name="connsiteY12" fmla="*/ 1444072 h 1952472"/>
              <a:gd name="connsiteX13" fmla="*/ 0 w 1449013"/>
              <a:gd name="connsiteY13" fmla="*/ 967906 h 1952472"/>
              <a:gd name="connsiteX14" fmla="*/ 141381 w 1449013"/>
              <a:gd name="connsiteY14" fmla="*/ 1005593 h 1952472"/>
              <a:gd name="connsiteX15" fmla="*/ 427338 w 1449013"/>
              <a:gd name="connsiteY15" fmla="*/ 719630 h 1952472"/>
              <a:gd name="connsiteX16" fmla="*/ 141381 w 1449013"/>
              <a:gd name="connsiteY16" fmla="*/ 433666 h 1952472"/>
              <a:gd name="connsiteX17" fmla="*/ 0 w 1449013"/>
              <a:gd name="connsiteY17" fmla="*/ 471352 h 1952472"/>
              <a:gd name="connsiteX18" fmla="*/ 0 w 1449013"/>
              <a:gd name="connsiteY18" fmla="*/ 0 h 1952472"/>
              <a:gd name="connsiteX19" fmla="*/ 1449013 w 1449013"/>
              <a:gd name="connsiteY19" fmla="*/ 0 h 1952472"/>
              <a:gd name="connsiteX0" fmla="*/ 1449013 w 1449013"/>
              <a:gd name="connsiteY0" fmla="*/ 0 h 1952472"/>
              <a:gd name="connsiteX1" fmla="*/ 1449013 w 1449013"/>
              <a:gd name="connsiteY1" fmla="*/ 466741 h 1952472"/>
              <a:gd name="connsiteX2" fmla="*/ 1449013 w 1449013"/>
              <a:gd name="connsiteY2" fmla="*/ 972519 h 1952472"/>
              <a:gd name="connsiteX3" fmla="*/ 1449013 w 1449013"/>
              <a:gd name="connsiteY3" fmla="*/ 1444072 h 1952472"/>
              <a:gd name="connsiteX4" fmla="*/ 857954 w 1449013"/>
              <a:gd name="connsiteY4" fmla="*/ 1444072 h 1952472"/>
              <a:gd name="connsiteX5" fmla="*/ 857954 w 1449013"/>
              <a:gd name="connsiteY5" fmla="*/ 1542845 h 1952472"/>
              <a:gd name="connsiteX6" fmla="*/ 953273 w 1449013"/>
              <a:gd name="connsiteY6" fmla="*/ 1723701 h 1952472"/>
              <a:gd name="connsiteX7" fmla="*/ 724507 w 1449013"/>
              <a:gd name="connsiteY7" fmla="*/ 1952472 h 1952472"/>
              <a:gd name="connsiteX8" fmla="*/ 495741 w 1449013"/>
              <a:gd name="connsiteY8" fmla="*/ 1723701 h 1952472"/>
              <a:gd name="connsiteX9" fmla="*/ 591060 w 1449013"/>
              <a:gd name="connsiteY9" fmla="*/ 1542845 h 1952472"/>
              <a:gd name="connsiteX10" fmla="*/ 591060 w 1449013"/>
              <a:gd name="connsiteY10" fmla="*/ 1444072 h 1952472"/>
              <a:gd name="connsiteX11" fmla="*/ 0 w 1449013"/>
              <a:gd name="connsiteY11" fmla="*/ 1444072 h 1952472"/>
              <a:gd name="connsiteX12" fmla="*/ 0 w 1449013"/>
              <a:gd name="connsiteY12" fmla="*/ 967906 h 1952472"/>
              <a:gd name="connsiteX13" fmla="*/ 141381 w 1449013"/>
              <a:gd name="connsiteY13" fmla="*/ 1005593 h 1952472"/>
              <a:gd name="connsiteX14" fmla="*/ 427338 w 1449013"/>
              <a:gd name="connsiteY14" fmla="*/ 719630 h 1952472"/>
              <a:gd name="connsiteX15" fmla="*/ 141381 w 1449013"/>
              <a:gd name="connsiteY15" fmla="*/ 433666 h 1952472"/>
              <a:gd name="connsiteX16" fmla="*/ 0 w 1449013"/>
              <a:gd name="connsiteY16" fmla="*/ 471352 h 1952472"/>
              <a:gd name="connsiteX17" fmla="*/ 0 w 1449013"/>
              <a:gd name="connsiteY17" fmla="*/ 0 h 1952472"/>
              <a:gd name="connsiteX18" fmla="*/ 1449013 w 1449013"/>
              <a:gd name="connsiteY18" fmla="*/ 0 h 1952472"/>
              <a:gd name="connsiteX0" fmla="*/ 1449013 w 1449013"/>
              <a:gd name="connsiteY0" fmla="*/ 0 h 1952472"/>
              <a:gd name="connsiteX1" fmla="*/ 1449013 w 1449013"/>
              <a:gd name="connsiteY1" fmla="*/ 972519 h 1952472"/>
              <a:gd name="connsiteX2" fmla="*/ 1449013 w 1449013"/>
              <a:gd name="connsiteY2" fmla="*/ 1444072 h 1952472"/>
              <a:gd name="connsiteX3" fmla="*/ 857954 w 1449013"/>
              <a:gd name="connsiteY3" fmla="*/ 1444072 h 1952472"/>
              <a:gd name="connsiteX4" fmla="*/ 857954 w 1449013"/>
              <a:gd name="connsiteY4" fmla="*/ 1542845 h 1952472"/>
              <a:gd name="connsiteX5" fmla="*/ 953273 w 1449013"/>
              <a:gd name="connsiteY5" fmla="*/ 1723701 h 1952472"/>
              <a:gd name="connsiteX6" fmla="*/ 724507 w 1449013"/>
              <a:gd name="connsiteY6" fmla="*/ 1952472 h 1952472"/>
              <a:gd name="connsiteX7" fmla="*/ 495741 w 1449013"/>
              <a:gd name="connsiteY7" fmla="*/ 1723701 h 1952472"/>
              <a:gd name="connsiteX8" fmla="*/ 591060 w 1449013"/>
              <a:gd name="connsiteY8" fmla="*/ 1542845 h 1952472"/>
              <a:gd name="connsiteX9" fmla="*/ 591060 w 1449013"/>
              <a:gd name="connsiteY9" fmla="*/ 1444072 h 1952472"/>
              <a:gd name="connsiteX10" fmla="*/ 0 w 1449013"/>
              <a:gd name="connsiteY10" fmla="*/ 1444072 h 1952472"/>
              <a:gd name="connsiteX11" fmla="*/ 0 w 1449013"/>
              <a:gd name="connsiteY11" fmla="*/ 967906 h 1952472"/>
              <a:gd name="connsiteX12" fmla="*/ 141381 w 1449013"/>
              <a:gd name="connsiteY12" fmla="*/ 1005593 h 1952472"/>
              <a:gd name="connsiteX13" fmla="*/ 427338 w 1449013"/>
              <a:gd name="connsiteY13" fmla="*/ 719630 h 1952472"/>
              <a:gd name="connsiteX14" fmla="*/ 141381 w 1449013"/>
              <a:gd name="connsiteY14" fmla="*/ 433666 h 1952472"/>
              <a:gd name="connsiteX15" fmla="*/ 0 w 1449013"/>
              <a:gd name="connsiteY15" fmla="*/ 471352 h 1952472"/>
              <a:gd name="connsiteX16" fmla="*/ 0 w 1449013"/>
              <a:gd name="connsiteY16" fmla="*/ 0 h 1952472"/>
              <a:gd name="connsiteX17" fmla="*/ 1449013 w 1449013"/>
              <a:gd name="connsiteY17" fmla="*/ 0 h 1952472"/>
              <a:gd name="connsiteX0" fmla="*/ 1449013 w 1449013"/>
              <a:gd name="connsiteY0" fmla="*/ 0 h 1952472"/>
              <a:gd name="connsiteX1" fmla="*/ 1449013 w 1449013"/>
              <a:gd name="connsiteY1" fmla="*/ 1444072 h 1952472"/>
              <a:gd name="connsiteX2" fmla="*/ 857954 w 1449013"/>
              <a:gd name="connsiteY2" fmla="*/ 1444072 h 1952472"/>
              <a:gd name="connsiteX3" fmla="*/ 857954 w 1449013"/>
              <a:gd name="connsiteY3" fmla="*/ 1542845 h 1952472"/>
              <a:gd name="connsiteX4" fmla="*/ 953273 w 1449013"/>
              <a:gd name="connsiteY4" fmla="*/ 1723701 h 1952472"/>
              <a:gd name="connsiteX5" fmla="*/ 724507 w 1449013"/>
              <a:gd name="connsiteY5" fmla="*/ 1952472 h 1952472"/>
              <a:gd name="connsiteX6" fmla="*/ 495741 w 1449013"/>
              <a:gd name="connsiteY6" fmla="*/ 1723701 h 1952472"/>
              <a:gd name="connsiteX7" fmla="*/ 591060 w 1449013"/>
              <a:gd name="connsiteY7" fmla="*/ 1542845 h 1952472"/>
              <a:gd name="connsiteX8" fmla="*/ 591060 w 1449013"/>
              <a:gd name="connsiteY8" fmla="*/ 1444072 h 1952472"/>
              <a:gd name="connsiteX9" fmla="*/ 0 w 1449013"/>
              <a:gd name="connsiteY9" fmla="*/ 1444072 h 1952472"/>
              <a:gd name="connsiteX10" fmla="*/ 0 w 1449013"/>
              <a:gd name="connsiteY10" fmla="*/ 967906 h 1952472"/>
              <a:gd name="connsiteX11" fmla="*/ 141381 w 1449013"/>
              <a:gd name="connsiteY11" fmla="*/ 1005593 h 1952472"/>
              <a:gd name="connsiteX12" fmla="*/ 427338 w 1449013"/>
              <a:gd name="connsiteY12" fmla="*/ 719630 h 1952472"/>
              <a:gd name="connsiteX13" fmla="*/ 141381 w 1449013"/>
              <a:gd name="connsiteY13" fmla="*/ 433666 h 1952472"/>
              <a:gd name="connsiteX14" fmla="*/ 0 w 1449013"/>
              <a:gd name="connsiteY14" fmla="*/ 471352 h 1952472"/>
              <a:gd name="connsiteX15" fmla="*/ 0 w 1449013"/>
              <a:gd name="connsiteY15" fmla="*/ 0 h 1952472"/>
              <a:gd name="connsiteX16" fmla="*/ 1449013 w 1449013"/>
              <a:gd name="connsiteY16" fmla="*/ 0 h 1952472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</a:cxnLst>
            <a:rect l="l" t="t" r="r" b="b"/>
            <a:pathLst>
              <a:path w="1449013" h="1952472">
                <a:moveTo>
                  <a:pt x="1449013" y="0"/>
                </a:moveTo>
                <a:lnTo>
                  <a:pt x="1449013" y="1444072"/>
                </a:lnTo>
                <a:lnTo>
                  <a:pt x="857954" y="1444072"/>
                </a:lnTo>
                <a:lnTo>
                  <a:pt x="857954" y="1542845"/>
                </a:lnTo>
                <a:cubicBezTo>
                  <a:pt x="916718" y="1581276"/>
                  <a:pt x="953273" y="1648220"/>
                  <a:pt x="953273" y="1723701"/>
                </a:cubicBezTo>
                <a:cubicBezTo>
                  <a:pt x="953273" y="1850048"/>
                  <a:pt x="850851" y="1952472"/>
                  <a:pt x="724507" y="1952472"/>
                </a:cubicBezTo>
                <a:cubicBezTo>
                  <a:pt x="598162" y="1952472"/>
                  <a:pt x="495741" y="1850048"/>
                  <a:pt x="495741" y="1723701"/>
                </a:cubicBezTo>
                <a:cubicBezTo>
                  <a:pt x="495741" y="1648220"/>
                  <a:pt x="532295" y="1581276"/>
                  <a:pt x="591060" y="1542845"/>
                </a:cubicBezTo>
                <a:lnTo>
                  <a:pt x="591060" y="1444072"/>
                </a:lnTo>
                <a:lnTo>
                  <a:pt x="0" y="1444072"/>
                </a:lnTo>
                <a:lnTo>
                  <a:pt x="0" y="967906"/>
                </a:lnTo>
                <a:cubicBezTo>
                  <a:pt x="41554" y="991976"/>
                  <a:pt x="89878" y="1005593"/>
                  <a:pt x="141381" y="1005593"/>
                </a:cubicBezTo>
                <a:cubicBezTo>
                  <a:pt x="299311" y="1005593"/>
                  <a:pt x="427338" y="877563"/>
                  <a:pt x="427338" y="719630"/>
                </a:cubicBezTo>
                <a:cubicBezTo>
                  <a:pt x="427338" y="561696"/>
                  <a:pt x="299311" y="433666"/>
                  <a:pt x="141381" y="433666"/>
                </a:cubicBezTo>
                <a:cubicBezTo>
                  <a:pt x="89878" y="433666"/>
                  <a:pt x="41554" y="447283"/>
                  <a:pt x="0" y="471352"/>
                </a:cubicBezTo>
                <a:lnTo>
                  <a:pt x="0" y="0"/>
                </a:lnTo>
                <a:lnTo>
                  <a:pt x="1449013" y="0"/>
                </a:lnTo>
                <a:close/>
              </a:path>
            </a:pathLst>
          </a:custGeom>
          <a:solidFill>
            <a:srgbClr val="006400">
              <a:alpha val="83000"/>
            </a:srgbClr>
          </a:solidFill>
          <a:ln w="6350">
            <a:solidFill>
              <a:srgbClr val="00206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800">
              <a:solidFill>
                <a:schemeClr val="tx1">
                  <a:lumMod val="65000"/>
                  <a:lumOff val="35000"/>
                </a:schemeClr>
              </a:solidFill>
            </a:endParaRPr>
          </a:p>
        </p:txBody>
      </p:sp>
      <p:sp>
        <p:nvSpPr>
          <p:cNvPr id="70" name="Oval 21">
            <a:extLst>
              <a:ext uri="{FF2B5EF4-FFF2-40B4-BE49-F238E27FC236}">
                <a16:creationId xmlns="" xmlns:a16="http://schemas.microsoft.com/office/drawing/2014/main" id="{D52D22CF-F723-4699-9380-A09C499669F1}"/>
              </a:ext>
            </a:extLst>
          </p:cNvPr>
          <p:cNvSpPr/>
          <p:nvPr/>
        </p:nvSpPr>
        <p:spPr>
          <a:xfrm rot="16200000" flipH="1">
            <a:off x="4413703" y="1431964"/>
            <a:ext cx="618808" cy="1286188"/>
          </a:xfrm>
          <a:custGeom>
            <a:avLst/>
            <a:gdLst/>
            <a:ahLst/>
            <a:cxnLst/>
            <a:rect l="l" t="t" r="r" b="b"/>
            <a:pathLst>
              <a:path w="1449013" h="1952424">
                <a:moveTo>
                  <a:pt x="0" y="1444024"/>
                </a:moveTo>
                <a:lnTo>
                  <a:pt x="0" y="967858"/>
                </a:lnTo>
                <a:cubicBezTo>
                  <a:pt x="41554" y="991928"/>
                  <a:pt x="89878" y="1005545"/>
                  <a:pt x="141381" y="1005545"/>
                </a:cubicBezTo>
                <a:cubicBezTo>
                  <a:pt x="299311" y="1005545"/>
                  <a:pt x="427338" y="877515"/>
                  <a:pt x="427338" y="719582"/>
                </a:cubicBezTo>
                <a:cubicBezTo>
                  <a:pt x="427338" y="561649"/>
                  <a:pt x="299311" y="433619"/>
                  <a:pt x="141381" y="433619"/>
                </a:cubicBezTo>
                <a:cubicBezTo>
                  <a:pt x="89878" y="433619"/>
                  <a:pt x="41554" y="447235"/>
                  <a:pt x="0" y="471304"/>
                </a:cubicBezTo>
                <a:lnTo>
                  <a:pt x="0" y="0"/>
                </a:lnTo>
                <a:lnTo>
                  <a:pt x="1449013" y="0"/>
                </a:lnTo>
                <a:lnTo>
                  <a:pt x="1449013" y="466693"/>
                </a:lnTo>
                <a:cubicBezTo>
                  <a:pt x="1410107" y="445218"/>
                  <a:pt x="1365278" y="433619"/>
                  <a:pt x="1317742" y="433619"/>
                </a:cubicBezTo>
                <a:cubicBezTo>
                  <a:pt x="1159811" y="433619"/>
                  <a:pt x="1031784" y="561649"/>
                  <a:pt x="1031784" y="719582"/>
                </a:cubicBezTo>
                <a:cubicBezTo>
                  <a:pt x="1031784" y="877515"/>
                  <a:pt x="1159811" y="1005545"/>
                  <a:pt x="1317742" y="1005545"/>
                </a:cubicBezTo>
                <a:cubicBezTo>
                  <a:pt x="1365278" y="1005545"/>
                  <a:pt x="1410107" y="993945"/>
                  <a:pt x="1449013" y="972471"/>
                </a:cubicBezTo>
                <a:lnTo>
                  <a:pt x="1449013" y="1444024"/>
                </a:lnTo>
                <a:lnTo>
                  <a:pt x="857954" y="1444024"/>
                </a:lnTo>
                <a:lnTo>
                  <a:pt x="857954" y="1542797"/>
                </a:lnTo>
                <a:cubicBezTo>
                  <a:pt x="916718" y="1581228"/>
                  <a:pt x="953273" y="1648172"/>
                  <a:pt x="953273" y="1723653"/>
                </a:cubicBezTo>
                <a:cubicBezTo>
                  <a:pt x="953273" y="1850000"/>
                  <a:pt x="850851" y="1952424"/>
                  <a:pt x="724507" y="1952424"/>
                </a:cubicBezTo>
                <a:cubicBezTo>
                  <a:pt x="598162" y="1952424"/>
                  <a:pt x="495741" y="1850000"/>
                  <a:pt x="495741" y="1723653"/>
                </a:cubicBezTo>
                <a:cubicBezTo>
                  <a:pt x="495741" y="1648172"/>
                  <a:pt x="532295" y="1581228"/>
                  <a:pt x="591060" y="1542797"/>
                </a:cubicBezTo>
                <a:lnTo>
                  <a:pt x="591060" y="1444024"/>
                </a:lnTo>
                <a:close/>
              </a:path>
            </a:pathLst>
          </a:custGeom>
          <a:solidFill>
            <a:srgbClr val="006400">
              <a:alpha val="83000"/>
            </a:srgbClr>
          </a:solidFill>
          <a:ln w="6350">
            <a:solidFill>
              <a:srgbClr val="00206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800">
              <a:solidFill>
                <a:schemeClr val="tx1">
                  <a:lumMod val="65000"/>
                  <a:lumOff val="35000"/>
                </a:schemeClr>
              </a:solidFill>
            </a:endParaRPr>
          </a:p>
        </p:txBody>
      </p:sp>
      <p:sp>
        <p:nvSpPr>
          <p:cNvPr id="96" name="Oval 21">
            <a:extLst>
              <a:ext uri="{FF2B5EF4-FFF2-40B4-BE49-F238E27FC236}">
                <a16:creationId xmlns="" xmlns:a16="http://schemas.microsoft.com/office/drawing/2014/main" id="{D52D22CF-F723-4699-9380-A09C499669F1}"/>
              </a:ext>
            </a:extLst>
          </p:cNvPr>
          <p:cNvSpPr/>
          <p:nvPr/>
        </p:nvSpPr>
        <p:spPr>
          <a:xfrm rot="16200000" flipH="1">
            <a:off x="4401849" y="2772838"/>
            <a:ext cx="628289" cy="1286189"/>
          </a:xfrm>
          <a:custGeom>
            <a:avLst/>
            <a:gdLst/>
            <a:ahLst/>
            <a:cxnLst/>
            <a:rect l="l" t="t" r="r" b="b"/>
            <a:pathLst>
              <a:path w="1449013" h="1952424">
                <a:moveTo>
                  <a:pt x="0" y="1444024"/>
                </a:moveTo>
                <a:lnTo>
                  <a:pt x="0" y="967858"/>
                </a:lnTo>
                <a:cubicBezTo>
                  <a:pt x="41554" y="991928"/>
                  <a:pt x="89878" y="1005545"/>
                  <a:pt x="141381" y="1005545"/>
                </a:cubicBezTo>
                <a:cubicBezTo>
                  <a:pt x="299311" y="1005545"/>
                  <a:pt x="427338" y="877515"/>
                  <a:pt x="427338" y="719582"/>
                </a:cubicBezTo>
                <a:cubicBezTo>
                  <a:pt x="427338" y="561649"/>
                  <a:pt x="299311" y="433619"/>
                  <a:pt x="141381" y="433619"/>
                </a:cubicBezTo>
                <a:cubicBezTo>
                  <a:pt x="89878" y="433619"/>
                  <a:pt x="41554" y="447235"/>
                  <a:pt x="0" y="471304"/>
                </a:cubicBezTo>
                <a:lnTo>
                  <a:pt x="0" y="0"/>
                </a:lnTo>
                <a:lnTo>
                  <a:pt x="1449013" y="0"/>
                </a:lnTo>
                <a:lnTo>
                  <a:pt x="1449013" y="466693"/>
                </a:lnTo>
                <a:cubicBezTo>
                  <a:pt x="1410107" y="445218"/>
                  <a:pt x="1365278" y="433619"/>
                  <a:pt x="1317742" y="433619"/>
                </a:cubicBezTo>
                <a:cubicBezTo>
                  <a:pt x="1159811" y="433619"/>
                  <a:pt x="1031784" y="561649"/>
                  <a:pt x="1031784" y="719582"/>
                </a:cubicBezTo>
                <a:cubicBezTo>
                  <a:pt x="1031784" y="877515"/>
                  <a:pt x="1159811" y="1005545"/>
                  <a:pt x="1317742" y="1005545"/>
                </a:cubicBezTo>
                <a:cubicBezTo>
                  <a:pt x="1365278" y="1005545"/>
                  <a:pt x="1410107" y="993945"/>
                  <a:pt x="1449013" y="972471"/>
                </a:cubicBezTo>
                <a:lnTo>
                  <a:pt x="1449013" y="1444024"/>
                </a:lnTo>
                <a:lnTo>
                  <a:pt x="857954" y="1444024"/>
                </a:lnTo>
                <a:lnTo>
                  <a:pt x="857954" y="1542797"/>
                </a:lnTo>
                <a:cubicBezTo>
                  <a:pt x="916718" y="1581228"/>
                  <a:pt x="953273" y="1648172"/>
                  <a:pt x="953273" y="1723653"/>
                </a:cubicBezTo>
                <a:cubicBezTo>
                  <a:pt x="953273" y="1850000"/>
                  <a:pt x="850851" y="1952424"/>
                  <a:pt x="724507" y="1952424"/>
                </a:cubicBezTo>
                <a:cubicBezTo>
                  <a:pt x="598162" y="1952424"/>
                  <a:pt x="495741" y="1850000"/>
                  <a:pt x="495741" y="1723653"/>
                </a:cubicBezTo>
                <a:cubicBezTo>
                  <a:pt x="495741" y="1648172"/>
                  <a:pt x="532295" y="1581228"/>
                  <a:pt x="591060" y="1542797"/>
                </a:cubicBezTo>
                <a:lnTo>
                  <a:pt x="591060" y="1444024"/>
                </a:lnTo>
                <a:close/>
              </a:path>
            </a:pathLst>
          </a:custGeom>
          <a:solidFill>
            <a:srgbClr val="E16F1A"/>
          </a:solidFill>
          <a:ln w="6350">
            <a:solidFill>
              <a:srgbClr val="00206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800">
              <a:solidFill>
                <a:srgbClr val="E16F1A"/>
              </a:solidFill>
              <a:latin typeface="Roboto" panose="02000000000000000000" pitchFamily="2" charset="0"/>
            </a:endParaRPr>
          </a:p>
        </p:txBody>
      </p:sp>
      <p:sp>
        <p:nvSpPr>
          <p:cNvPr id="97" name="Oval 21">
            <a:extLst>
              <a:ext uri="{FF2B5EF4-FFF2-40B4-BE49-F238E27FC236}">
                <a16:creationId xmlns="" xmlns:a16="http://schemas.microsoft.com/office/drawing/2014/main" id="{5E558BC4-9DE7-45C5-8BA9-585271E4A2E5}"/>
              </a:ext>
            </a:extLst>
          </p:cNvPr>
          <p:cNvSpPr/>
          <p:nvPr/>
        </p:nvSpPr>
        <p:spPr>
          <a:xfrm>
            <a:off x="4090202" y="3580602"/>
            <a:ext cx="954559" cy="1039637"/>
          </a:xfrm>
          <a:custGeom>
            <a:avLst/>
            <a:gdLst/>
            <a:ahLst/>
            <a:cxnLst/>
            <a:rect l="l" t="t" r="r" b="b"/>
            <a:pathLst>
              <a:path w="1368152" h="2298537">
                <a:moveTo>
                  <a:pt x="684076" y="0"/>
                </a:moveTo>
                <a:cubicBezTo>
                  <a:pt x="803370" y="0"/>
                  <a:pt x="900076" y="96706"/>
                  <a:pt x="900076" y="216000"/>
                </a:cubicBezTo>
                <a:cubicBezTo>
                  <a:pt x="900076" y="287268"/>
                  <a:pt x="865561" y="350475"/>
                  <a:pt x="810076" y="386760"/>
                </a:cubicBezTo>
                <a:lnTo>
                  <a:pt x="810076" y="450517"/>
                </a:lnTo>
                <a:lnTo>
                  <a:pt x="1368152" y="450517"/>
                </a:lnTo>
                <a:lnTo>
                  <a:pt x="1368152" y="895744"/>
                </a:lnTo>
                <a:cubicBezTo>
                  <a:pt x="1331417" y="875468"/>
                  <a:pt x="1289090" y="864516"/>
                  <a:pt x="1244206" y="864516"/>
                </a:cubicBezTo>
                <a:cubicBezTo>
                  <a:pt x="1095089" y="864516"/>
                  <a:pt x="974206" y="985399"/>
                  <a:pt x="974206" y="1134516"/>
                </a:cubicBezTo>
                <a:cubicBezTo>
                  <a:pt x="974206" y="1283633"/>
                  <a:pt x="1095089" y="1404516"/>
                  <a:pt x="1244206" y="1404516"/>
                </a:cubicBezTo>
                <a:cubicBezTo>
                  <a:pt x="1289090" y="1404516"/>
                  <a:pt x="1331417" y="1393563"/>
                  <a:pt x="1368152" y="1373288"/>
                </a:cubicBezTo>
                <a:lnTo>
                  <a:pt x="1368152" y="1818517"/>
                </a:lnTo>
                <a:lnTo>
                  <a:pt x="810076" y="1818517"/>
                </a:lnTo>
                <a:lnTo>
                  <a:pt x="810076" y="1911777"/>
                </a:lnTo>
                <a:cubicBezTo>
                  <a:pt x="865561" y="1948062"/>
                  <a:pt x="900076" y="2011269"/>
                  <a:pt x="900076" y="2082537"/>
                </a:cubicBezTo>
                <a:cubicBezTo>
                  <a:pt x="900076" y="2201831"/>
                  <a:pt x="803370" y="2298537"/>
                  <a:pt x="684076" y="2298537"/>
                </a:cubicBezTo>
                <a:cubicBezTo>
                  <a:pt x="564782" y="2298537"/>
                  <a:pt x="468076" y="2201831"/>
                  <a:pt x="468076" y="2082537"/>
                </a:cubicBezTo>
                <a:cubicBezTo>
                  <a:pt x="468076" y="2011269"/>
                  <a:pt x="502591" y="1948062"/>
                  <a:pt x="558076" y="1911777"/>
                </a:cubicBezTo>
                <a:lnTo>
                  <a:pt x="558076" y="1818517"/>
                </a:lnTo>
                <a:lnTo>
                  <a:pt x="0" y="1818517"/>
                </a:lnTo>
                <a:lnTo>
                  <a:pt x="0" y="1368933"/>
                </a:lnTo>
                <a:cubicBezTo>
                  <a:pt x="39235" y="1391659"/>
                  <a:pt x="84862" y="1404516"/>
                  <a:pt x="133491" y="1404516"/>
                </a:cubicBezTo>
                <a:cubicBezTo>
                  <a:pt x="282608" y="1404516"/>
                  <a:pt x="403491" y="1283633"/>
                  <a:pt x="403491" y="1134516"/>
                </a:cubicBezTo>
                <a:cubicBezTo>
                  <a:pt x="403491" y="985399"/>
                  <a:pt x="282608" y="864516"/>
                  <a:pt x="133491" y="864516"/>
                </a:cubicBezTo>
                <a:cubicBezTo>
                  <a:pt x="84862" y="864516"/>
                  <a:pt x="39235" y="877372"/>
                  <a:pt x="0" y="900098"/>
                </a:cubicBezTo>
                <a:lnTo>
                  <a:pt x="0" y="450517"/>
                </a:lnTo>
                <a:lnTo>
                  <a:pt x="558076" y="450517"/>
                </a:lnTo>
                <a:lnTo>
                  <a:pt x="558076" y="386760"/>
                </a:lnTo>
                <a:cubicBezTo>
                  <a:pt x="502591" y="350475"/>
                  <a:pt x="468076" y="287268"/>
                  <a:pt x="468076" y="216000"/>
                </a:cubicBezTo>
                <a:cubicBezTo>
                  <a:pt x="468076" y="96706"/>
                  <a:pt x="564782" y="0"/>
                  <a:pt x="684076" y="0"/>
                </a:cubicBezTo>
                <a:close/>
              </a:path>
            </a:pathLst>
          </a:custGeom>
          <a:solidFill>
            <a:srgbClr val="006400">
              <a:alpha val="83000"/>
            </a:srgbClr>
          </a:solidFill>
          <a:ln w="6350"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800">
              <a:solidFill>
                <a:schemeClr val="tx1">
                  <a:lumMod val="65000"/>
                  <a:lumOff val="35000"/>
                </a:schemeClr>
              </a:solidFill>
              <a:latin typeface="Roboto" panose="02000000000000000000" pitchFamily="2" charset="0"/>
            </a:endParaRPr>
          </a:p>
        </p:txBody>
      </p:sp>
      <p:sp>
        <p:nvSpPr>
          <p:cNvPr id="98" name="Oval 21">
            <a:extLst>
              <a:ext uri="{FF2B5EF4-FFF2-40B4-BE49-F238E27FC236}">
                <a16:creationId xmlns="" xmlns:a16="http://schemas.microsoft.com/office/drawing/2014/main" id="{D52D22CF-F723-4699-9380-A09C499669F1}"/>
              </a:ext>
            </a:extLst>
          </p:cNvPr>
          <p:cNvSpPr/>
          <p:nvPr/>
        </p:nvSpPr>
        <p:spPr>
          <a:xfrm rot="16200000" flipH="1">
            <a:off x="4424487" y="4136305"/>
            <a:ext cx="628289" cy="1286188"/>
          </a:xfrm>
          <a:custGeom>
            <a:avLst/>
            <a:gdLst/>
            <a:ahLst/>
            <a:cxnLst/>
            <a:rect l="l" t="t" r="r" b="b"/>
            <a:pathLst>
              <a:path w="1449013" h="1952424">
                <a:moveTo>
                  <a:pt x="0" y="1444024"/>
                </a:moveTo>
                <a:lnTo>
                  <a:pt x="0" y="967858"/>
                </a:lnTo>
                <a:cubicBezTo>
                  <a:pt x="41554" y="991928"/>
                  <a:pt x="89878" y="1005545"/>
                  <a:pt x="141381" y="1005545"/>
                </a:cubicBezTo>
                <a:cubicBezTo>
                  <a:pt x="299311" y="1005545"/>
                  <a:pt x="427338" y="877515"/>
                  <a:pt x="427338" y="719582"/>
                </a:cubicBezTo>
                <a:cubicBezTo>
                  <a:pt x="427338" y="561649"/>
                  <a:pt x="299311" y="433619"/>
                  <a:pt x="141381" y="433619"/>
                </a:cubicBezTo>
                <a:cubicBezTo>
                  <a:pt x="89878" y="433619"/>
                  <a:pt x="41554" y="447235"/>
                  <a:pt x="0" y="471304"/>
                </a:cubicBezTo>
                <a:lnTo>
                  <a:pt x="0" y="0"/>
                </a:lnTo>
                <a:lnTo>
                  <a:pt x="1449013" y="0"/>
                </a:lnTo>
                <a:lnTo>
                  <a:pt x="1449013" y="466693"/>
                </a:lnTo>
                <a:cubicBezTo>
                  <a:pt x="1410107" y="445218"/>
                  <a:pt x="1365278" y="433619"/>
                  <a:pt x="1317742" y="433619"/>
                </a:cubicBezTo>
                <a:cubicBezTo>
                  <a:pt x="1159811" y="433619"/>
                  <a:pt x="1031784" y="561649"/>
                  <a:pt x="1031784" y="719582"/>
                </a:cubicBezTo>
                <a:cubicBezTo>
                  <a:pt x="1031784" y="877515"/>
                  <a:pt x="1159811" y="1005545"/>
                  <a:pt x="1317742" y="1005545"/>
                </a:cubicBezTo>
                <a:cubicBezTo>
                  <a:pt x="1365278" y="1005545"/>
                  <a:pt x="1410107" y="993945"/>
                  <a:pt x="1449013" y="972471"/>
                </a:cubicBezTo>
                <a:lnTo>
                  <a:pt x="1449013" y="1444024"/>
                </a:lnTo>
                <a:lnTo>
                  <a:pt x="857954" y="1444024"/>
                </a:lnTo>
                <a:lnTo>
                  <a:pt x="857954" y="1542797"/>
                </a:lnTo>
                <a:cubicBezTo>
                  <a:pt x="916718" y="1581228"/>
                  <a:pt x="953273" y="1648172"/>
                  <a:pt x="953273" y="1723653"/>
                </a:cubicBezTo>
                <a:cubicBezTo>
                  <a:pt x="953273" y="1850000"/>
                  <a:pt x="850851" y="1952424"/>
                  <a:pt x="724507" y="1952424"/>
                </a:cubicBezTo>
                <a:cubicBezTo>
                  <a:pt x="598162" y="1952424"/>
                  <a:pt x="495741" y="1850000"/>
                  <a:pt x="495741" y="1723653"/>
                </a:cubicBezTo>
                <a:cubicBezTo>
                  <a:pt x="495741" y="1648172"/>
                  <a:pt x="532295" y="1581228"/>
                  <a:pt x="591060" y="1542797"/>
                </a:cubicBezTo>
                <a:lnTo>
                  <a:pt x="591060" y="1444024"/>
                </a:lnTo>
                <a:close/>
              </a:path>
            </a:pathLst>
          </a:custGeom>
          <a:solidFill>
            <a:srgbClr val="8C038C"/>
          </a:solidFill>
          <a:ln w="6350">
            <a:solidFill>
              <a:srgbClr val="00206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800">
              <a:solidFill>
                <a:schemeClr val="tx1">
                  <a:lumMod val="65000"/>
                  <a:lumOff val="35000"/>
                </a:schemeClr>
              </a:solidFill>
              <a:latin typeface="Roboto" panose="02000000000000000000" pitchFamily="2" charset="0"/>
            </a:endParaRPr>
          </a:p>
        </p:txBody>
      </p:sp>
      <p:sp>
        <p:nvSpPr>
          <p:cNvPr id="100" name="Oval 21">
            <a:extLst>
              <a:ext uri="{FF2B5EF4-FFF2-40B4-BE49-F238E27FC236}">
                <a16:creationId xmlns="" xmlns:a16="http://schemas.microsoft.com/office/drawing/2014/main" id="{5E558BC4-9DE7-45C5-8BA9-585271E4A2E5}"/>
              </a:ext>
            </a:extLst>
          </p:cNvPr>
          <p:cNvSpPr/>
          <p:nvPr/>
        </p:nvSpPr>
        <p:spPr>
          <a:xfrm>
            <a:off x="4086346" y="4930343"/>
            <a:ext cx="954559" cy="1039637"/>
          </a:xfrm>
          <a:custGeom>
            <a:avLst/>
            <a:gdLst/>
            <a:ahLst/>
            <a:cxnLst/>
            <a:rect l="l" t="t" r="r" b="b"/>
            <a:pathLst>
              <a:path w="1368152" h="2298537">
                <a:moveTo>
                  <a:pt x="684076" y="0"/>
                </a:moveTo>
                <a:cubicBezTo>
                  <a:pt x="803370" y="0"/>
                  <a:pt x="900076" y="96706"/>
                  <a:pt x="900076" y="216000"/>
                </a:cubicBezTo>
                <a:cubicBezTo>
                  <a:pt x="900076" y="287268"/>
                  <a:pt x="865561" y="350475"/>
                  <a:pt x="810076" y="386760"/>
                </a:cubicBezTo>
                <a:lnTo>
                  <a:pt x="810076" y="450517"/>
                </a:lnTo>
                <a:lnTo>
                  <a:pt x="1368152" y="450517"/>
                </a:lnTo>
                <a:lnTo>
                  <a:pt x="1368152" y="895744"/>
                </a:lnTo>
                <a:cubicBezTo>
                  <a:pt x="1331417" y="875468"/>
                  <a:pt x="1289090" y="864516"/>
                  <a:pt x="1244206" y="864516"/>
                </a:cubicBezTo>
                <a:cubicBezTo>
                  <a:pt x="1095089" y="864516"/>
                  <a:pt x="974206" y="985399"/>
                  <a:pt x="974206" y="1134516"/>
                </a:cubicBezTo>
                <a:cubicBezTo>
                  <a:pt x="974206" y="1283633"/>
                  <a:pt x="1095089" y="1404516"/>
                  <a:pt x="1244206" y="1404516"/>
                </a:cubicBezTo>
                <a:cubicBezTo>
                  <a:pt x="1289090" y="1404516"/>
                  <a:pt x="1331417" y="1393563"/>
                  <a:pt x="1368152" y="1373288"/>
                </a:cubicBezTo>
                <a:lnTo>
                  <a:pt x="1368152" y="1818517"/>
                </a:lnTo>
                <a:lnTo>
                  <a:pt x="810076" y="1818517"/>
                </a:lnTo>
                <a:lnTo>
                  <a:pt x="810076" y="1911777"/>
                </a:lnTo>
                <a:cubicBezTo>
                  <a:pt x="865561" y="1948062"/>
                  <a:pt x="900076" y="2011269"/>
                  <a:pt x="900076" y="2082537"/>
                </a:cubicBezTo>
                <a:cubicBezTo>
                  <a:pt x="900076" y="2201831"/>
                  <a:pt x="803370" y="2298537"/>
                  <a:pt x="684076" y="2298537"/>
                </a:cubicBezTo>
                <a:cubicBezTo>
                  <a:pt x="564782" y="2298537"/>
                  <a:pt x="468076" y="2201831"/>
                  <a:pt x="468076" y="2082537"/>
                </a:cubicBezTo>
                <a:cubicBezTo>
                  <a:pt x="468076" y="2011269"/>
                  <a:pt x="502591" y="1948062"/>
                  <a:pt x="558076" y="1911777"/>
                </a:cubicBezTo>
                <a:lnTo>
                  <a:pt x="558076" y="1818517"/>
                </a:lnTo>
                <a:lnTo>
                  <a:pt x="0" y="1818517"/>
                </a:lnTo>
                <a:lnTo>
                  <a:pt x="0" y="1368933"/>
                </a:lnTo>
                <a:cubicBezTo>
                  <a:pt x="39235" y="1391659"/>
                  <a:pt x="84862" y="1404516"/>
                  <a:pt x="133491" y="1404516"/>
                </a:cubicBezTo>
                <a:cubicBezTo>
                  <a:pt x="282608" y="1404516"/>
                  <a:pt x="403491" y="1283633"/>
                  <a:pt x="403491" y="1134516"/>
                </a:cubicBezTo>
                <a:cubicBezTo>
                  <a:pt x="403491" y="985399"/>
                  <a:pt x="282608" y="864516"/>
                  <a:pt x="133491" y="864516"/>
                </a:cubicBezTo>
                <a:cubicBezTo>
                  <a:pt x="84862" y="864516"/>
                  <a:pt x="39235" y="877372"/>
                  <a:pt x="0" y="900098"/>
                </a:cubicBezTo>
                <a:lnTo>
                  <a:pt x="0" y="450517"/>
                </a:lnTo>
                <a:lnTo>
                  <a:pt x="558076" y="450517"/>
                </a:lnTo>
                <a:lnTo>
                  <a:pt x="558076" y="386760"/>
                </a:lnTo>
                <a:cubicBezTo>
                  <a:pt x="502591" y="350475"/>
                  <a:pt x="468076" y="287268"/>
                  <a:pt x="468076" y="216000"/>
                </a:cubicBezTo>
                <a:cubicBezTo>
                  <a:pt x="468076" y="96706"/>
                  <a:pt x="564782" y="0"/>
                  <a:pt x="684076" y="0"/>
                </a:cubicBezTo>
                <a:close/>
              </a:path>
            </a:pathLst>
          </a:custGeom>
          <a:solidFill>
            <a:srgbClr val="CD6518"/>
          </a:solidFill>
          <a:ln w="6350">
            <a:solidFill>
              <a:schemeClr val="accent4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ko-KR" altLang="en-US" sz="2800">
              <a:solidFill>
                <a:schemeClr val="tx1">
                  <a:lumMod val="65000"/>
                  <a:lumOff val="35000"/>
                </a:schemeClr>
              </a:solidFill>
              <a:latin typeface="Roboto" panose="02000000000000000000" pitchFamily="2" charset="0"/>
            </a:endParaRPr>
          </a:p>
        </p:txBody>
      </p:sp>
      <p:sp>
        <p:nvSpPr>
          <p:cNvPr id="10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26064"/>
            <a:ext cx="609600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r>
              <a:rPr lang="ru-RU" sz="1400" spc="10" dirty="0" smtClean="0">
                <a:solidFill>
                  <a:schemeClr val="bg1"/>
                </a:solidFill>
              </a:rPr>
              <a:t>61</a:t>
            </a:r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102" name="TextBox 101">
            <a:extLst>
              <a:ext uri="{FF2B5EF4-FFF2-40B4-BE49-F238E27FC236}">
                <a16:creationId xmlns="" xmlns:a16="http://schemas.microsoft.com/office/drawing/2014/main" id="{1975B310-3D32-4380-BC59-8FAB524DB7DC}"/>
              </a:ext>
            </a:extLst>
          </p:cNvPr>
          <p:cNvSpPr txBox="1"/>
          <p:nvPr/>
        </p:nvSpPr>
        <p:spPr>
          <a:xfrm>
            <a:off x="2965668" y="3827950"/>
            <a:ext cx="96033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3600" b="1" dirty="0" smtClean="0">
                <a:ln w="12700">
                  <a:solidFill>
                    <a:schemeClr val="bg1"/>
                  </a:solidFill>
                </a:ln>
                <a:solidFill>
                  <a:srgbClr val="006400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0</a:t>
            </a:r>
            <a:r>
              <a:rPr lang="ru-RU" altLang="ko-KR" sz="3600" b="1" dirty="0" smtClean="0">
                <a:ln w="12700">
                  <a:solidFill>
                    <a:schemeClr val="bg1"/>
                  </a:solidFill>
                </a:ln>
                <a:solidFill>
                  <a:srgbClr val="006400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6</a:t>
            </a:r>
            <a:endParaRPr lang="ko-KR" altLang="en-US" sz="3600" b="1" dirty="0">
              <a:ln w="12700">
                <a:solidFill>
                  <a:schemeClr val="bg1"/>
                </a:solidFill>
              </a:ln>
              <a:solidFill>
                <a:srgbClr val="006400"/>
              </a:solidFill>
              <a:latin typeface="Roboto Black" panose="02000000000000000000" pitchFamily="2" charset="0"/>
              <a:cs typeface="Arial" pitchFamily="34" charset="0"/>
            </a:endParaRPr>
          </a:p>
        </p:txBody>
      </p:sp>
      <p:sp>
        <p:nvSpPr>
          <p:cNvPr id="103" name="TextBox 102">
            <a:extLst>
              <a:ext uri="{FF2B5EF4-FFF2-40B4-BE49-F238E27FC236}">
                <a16:creationId xmlns="" xmlns:a16="http://schemas.microsoft.com/office/drawing/2014/main" id="{8FFB77D0-A84F-4685-9EAC-4273793A4C21}"/>
              </a:ext>
            </a:extLst>
          </p:cNvPr>
          <p:cNvSpPr txBox="1"/>
          <p:nvPr/>
        </p:nvSpPr>
        <p:spPr>
          <a:xfrm>
            <a:off x="0" y="3786190"/>
            <a:ext cx="3147298" cy="7078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r">
              <a:defRPr sz="2000">
                <a:solidFill>
                  <a:schemeClr val="tx1"/>
                </a:solidFill>
                <a:latin typeface="Roboto Medium" pitchFamily="2" charset="0"/>
                <a:ea typeface="Roboto Medium" pitchFamily="2" charset="0"/>
                <a:cs typeface="Arial" pitchFamily="34" charset="0"/>
              </a:defRPr>
            </a:lvl1pPr>
          </a:lstStyle>
          <a:p>
            <a:r>
              <a:rPr lang="ru-RU" dirty="0" smtClean="0"/>
              <a:t>сети связи операторов связи и ведомственные </a:t>
            </a:r>
            <a:endParaRPr lang="en-US" altLang="ko-KR" dirty="0"/>
          </a:p>
        </p:txBody>
      </p:sp>
      <p:sp>
        <p:nvSpPr>
          <p:cNvPr id="104" name="TextBox 103">
            <a:extLst>
              <a:ext uri="{FF2B5EF4-FFF2-40B4-BE49-F238E27FC236}">
                <a16:creationId xmlns="" xmlns:a16="http://schemas.microsoft.com/office/drawing/2014/main" id="{0233D38B-3C29-4A92-8727-68F6D16DF49E}"/>
              </a:ext>
            </a:extLst>
          </p:cNvPr>
          <p:cNvSpPr txBox="1"/>
          <p:nvPr/>
        </p:nvSpPr>
        <p:spPr>
          <a:xfrm>
            <a:off x="5215997" y="4422682"/>
            <a:ext cx="96033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3600" b="1" dirty="0" smtClean="0">
                <a:ln w="12700">
                  <a:solidFill>
                    <a:schemeClr val="bg1"/>
                  </a:solidFill>
                </a:ln>
                <a:solidFill>
                  <a:srgbClr val="7D037D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0</a:t>
            </a:r>
            <a:r>
              <a:rPr lang="ru-RU" altLang="ko-KR" sz="3600" b="1" dirty="0" smtClean="0">
                <a:ln w="12700">
                  <a:solidFill>
                    <a:schemeClr val="bg1"/>
                  </a:solidFill>
                </a:ln>
                <a:solidFill>
                  <a:srgbClr val="7D037D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7</a:t>
            </a:r>
            <a:endParaRPr lang="ko-KR" altLang="en-US" sz="3600" b="1" dirty="0">
              <a:ln w="12700">
                <a:solidFill>
                  <a:schemeClr val="bg1"/>
                </a:solidFill>
              </a:ln>
              <a:solidFill>
                <a:srgbClr val="7D037D"/>
              </a:solidFill>
              <a:latin typeface="Roboto Black" panose="02000000000000000000" pitchFamily="2" charset="0"/>
              <a:cs typeface="Arial" pitchFamily="34" charset="0"/>
            </a:endParaRPr>
          </a:p>
        </p:txBody>
      </p:sp>
      <p:sp>
        <p:nvSpPr>
          <p:cNvPr id="105" name="TextBox 104">
            <a:extLst>
              <a:ext uri="{FF2B5EF4-FFF2-40B4-BE49-F238E27FC236}">
                <a16:creationId xmlns="" xmlns:a16="http://schemas.microsoft.com/office/drawing/2014/main" id="{594DA700-3768-4AAA-B118-E5195E7C530E}"/>
              </a:ext>
            </a:extLst>
          </p:cNvPr>
          <p:cNvSpPr txBox="1"/>
          <p:nvPr/>
        </p:nvSpPr>
        <p:spPr>
          <a:xfrm>
            <a:off x="5999167" y="4214818"/>
            <a:ext cx="3144833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l">
              <a:defRPr sz="2000">
                <a:solidFill>
                  <a:schemeClr val="tx1"/>
                </a:solidFill>
                <a:latin typeface="Roboto Medium" pitchFamily="2" charset="0"/>
                <a:ea typeface="Roboto Medium" pitchFamily="2" charset="0"/>
                <a:cs typeface="Arial" pitchFamily="34" charset="0"/>
              </a:defRPr>
            </a:lvl1pPr>
          </a:lstStyle>
          <a:p>
            <a:r>
              <a:rPr lang="ru-RU" dirty="0" smtClean="0"/>
              <a:t>сети систем персонального радиовызова </a:t>
            </a:r>
            <a:endParaRPr lang="en-US" altLang="ko-KR" dirty="0"/>
          </a:p>
        </p:txBody>
      </p:sp>
      <p:sp>
        <p:nvSpPr>
          <p:cNvPr id="106" name="TextBox 105">
            <a:extLst>
              <a:ext uri="{FF2B5EF4-FFF2-40B4-BE49-F238E27FC236}">
                <a16:creationId xmlns="" xmlns:a16="http://schemas.microsoft.com/office/drawing/2014/main" id="{0233D38B-3C29-4A92-8727-68F6D16DF49E}"/>
              </a:ext>
            </a:extLst>
          </p:cNvPr>
          <p:cNvSpPr txBox="1"/>
          <p:nvPr/>
        </p:nvSpPr>
        <p:spPr>
          <a:xfrm>
            <a:off x="5215997" y="5775266"/>
            <a:ext cx="96033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3600" dirty="0" smtClean="0">
                <a:ln w="12700">
                  <a:noFill/>
                </a:ln>
                <a:solidFill>
                  <a:srgbClr val="006400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0</a:t>
            </a:r>
            <a:r>
              <a:rPr lang="ru-RU" altLang="ko-KR" sz="3600" dirty="0" smtClean="0">
                <a:ln w="12700">
                  <a:noFill/>
                </a:ln>
                <a:solidFill>
                  <a:srgbClr val="006400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9</a:t>
            </a:r>
            <a:endParaRPr lang="ko-KR" altLang="en-US" sz="3600" dirty="0">
              <a:ln w="12700">
                <a:noFill/>
              </a:ln>
              <a:solidFill>
                <a:srgbClr val="006400"/>
              </a:solidFill>
              <a:latin typeface="Roboto Black" panose="02000000000000000000" pitchFamily="2" charset="0"/>
              <a:cs typeface="Arial" pitchFamily="34" charset="0"/>
            </a:endParaRPr>
          </a:p>
        </p:txBody>
      </p:sp>
      <p:sp>
        <p:nvSpPr>
          <p:cNvPr id="107" name="TextBox 106">
            <a:extLst>
              <a:ext uri="{FF2B5EF4-FFF2-40B4-BE49-F238E27FC236}">
                <a16:creationId xmlns="" xmlns:a16="http://schemas.microsoft.com/office/drawing/2014/main" id="{594DA700-3768-4AAA-B118-E5195E7C530E}"/>
              </a:ext>
            </a:extLst>
          </p:cNvPr>
          <p:cNvSpPr txBox="1"/>
          <p:nvPr/>
        </p:nvSpPr>
        <p:spPr>
          <a:xfrm>
            <a:off x="6024535" y="5500702"/>
            <a:ext cx="3119465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l">
              <a:defRPr sz="2000">
                <a:solidFill>
                  <a:schemeClr val="tx1"/>
                </a:solidFill>
                <a:latin typeface="Roboto Medium" pitchFamily="2" charset="0"/>
                <a:ea typeface="Roboto Medium" pitchFamily="2" charset="0"/>
                <a:cs typeface="Arial" pitchFamily="34" charset="0"/>
              </a:defRPr>
            </a:lvl1pPr>
          </a:lstStyle>
          <a:p>
            <a:r>
              <a:rPr lang="ru-RU" dirty="0" smtClean="0"/>
              <a:t>громкоговорящие средства на подвижных объектах</a:t>
            </a:r>
            <a:endParaRPr lang="en-US" altLang="ko-KR" dirty="0"/>
          </a:p>
        </p:txBody>
      </p:sp>
      <p:sp>
        <p:nvSpPr>
          <p:cNvPr id="108" name="TextBox 107">
            <a:extLst>
              <a:ext uri="{FF2B5EF4-FFF2-40B4-BE49-F238E27FC236}">
                <a16:creationId xmlns="" xmlns:a16="http://schemas.microsoft.com/office/drawing/2014/main" id="{2804F16E-067E-43D4-A0BD-2F020B453EC6}"/>
              </a:ext>
            </a:extLst>
          </p:cNvPr>
          <p:cNvSpPr txBox="1"/>
          <p:nvPr/>
        </p:nvSpPr>
        <p:spPr>
          <a:xfrm>
            <a:off x="2971615" y="5068003"/>
            <a:ext cx="96033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altLang="ko-KR" sz="3600" b="1" dirty="0" smtClean="0">
                <a:ln w="12700">
                  <a:solidFill>
                    <a:schemeClr val="bg1"/>
                  </a:solidFill>
                </a:ln>
                <a:solidFill>
                  <a:srgbClr val="CD6518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0</a:t>
            </a:r>
            <a:r>
              <a:rPr lang="ru-RU" altLang="ko-KR" sz="3600" b="1" dirty="0" smtClean="0">
                <a:ln w="12700">
                  <a:solidFill>
                    <a:schemeClr val="bg1"/>
                  </a:solidFill>
                </a:ln>
                <a:solidFill>
                  <a:srgbClr val="CD6518"/>
                </a:solidFill>
                <a:latin typeface="Roboto Black" panose="02000000000000000000" pitchFamily="2" charset="0"/>
                <a:ea typeface="Roboto Black" panose="02000000000000000000" pitchFamily="2" charset="0"/>
                <a:cs typeface="Arial" pitchFamily="34" charset="0"/>
              </a:rPr>
              <a:t>8</a:t>
            </a:r>
            <a:endParaRPr lang="ko-KR" altLang="en-US" sz="3600" b="1" dirty="0">
              <a:ln w="12700">
                <a:solidFill>
                  <a:schemeClr val="bg1"/>
                </a:solidFill>
              </a:ln>
              <a:solidFill>
                <a:srgbClr val="CD6518"/>
              </a:solidFill>
              <a:latin typeface="Roboto Black" panose="02000000000000000000" pitchFamily="2" charset="0"/>
              <a:cs typeface="Arial" pitchFamily="34" charset="0"/>
            </a:endParaRPr>
          </a:p>
        </p:txBody>
      </p:sp>
      <p:sp>
        <p:nvSpPr>
          <p:cNvPr id="109" name="TextBox 108">
            <a:extLst>
              <a:ext uri="{FF2B5EF4-FFF2-40B4-BE49-F238E27FC236}">
                <a16:creationId xmlns="" xmlns:a16="http://schemas.microsoft.com/office/drawing/2014/main" id="{3EB1864E-B116-4B8E-84E4-E8C377891D59}"/>
              </a:ext>
            </a:extLst>
          </p:cNvPr>
          <p:cNvSpPr txBox="1"/>
          <p:nvPr/>
        </p:nvSpPr>
        <p:spPr>
          <a:xfrm>
            <a:off x="0" y="4929198"/>
            <a:ext cx="3133851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kern="0"/>
            </a:defPPr>
            <a:lvl1pPr algn="r">
              <a:defRPr sz="2000">
                <a:solidFill>
                  <a:schemeClr val="tx1"/>
                </a:solidFill>
                <a:latin typeface="Roboto Medium" pitchFamily="2" charset="0"/>
                <a:ea typeface="Roboto Medium" pitchFamily="2" charset="0"/>
                <a:cs typeface="Arial" pitchFamily="34" charset="0"/>
              </a:defRPr>
            </a:lvl1pPr>
          </a:lstStyle>
          <a:p>
            <a:r>
              <a:rPr lang="ru-RU" dirty="0" smtClean="0"/>
              <a:t>информационно-телекоммуникационная сеть Интернет </a:t>
            </a:r>
            <a:endParaRPr lang="en-US" altLang="ko-KR" dirty="0"/>
          </a:p>
        </p:txBody>
      </p:sp>
      <p:sp>
        <p:nvSpPr>
          <p:cNvPr id="152577" name="Rectangle 1"/>
          <p:cNvSpPr>
            <a:spLocks noChangeArrowheads="1"/>
          </p:cNvSpPr>
          <p:nvPr/>
        </p:nvSpPr>
        <p:spPr bwMode="auto">
          <a:xfrm>
            <a:off x="0" y="0"/>
            <a:ext cx="9144000" cy="3693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lang="ru-RU" b="1" dirty="0" smtClean="0">
                <a:solidFill>
                  <a:schemeClr val="tx1"/>
                </a:solidFill>
                <a:latin typeface="Arial" pitchFamily="34" charset="0"/>
                <a:ea typeface="Times New Roman" pitchFamily="18" charset="0"/>
                <a:cs typeface="Arial" pitchFamily="34" charset="0"/>
              </a:rPr>
              <a:t>   </a:t>
            </a:r>
            <a:r>
              <a:rPr lang="ru-RU" b="1" dirty="0" smtClean="0">
                <a:solidFill>
                  <a:srgbClr val="C00000"/>
                </a:solidFill>
                <a:latin typeface="Arial" pitchFamily="34" charset="0"/>
                <a:ea typeface="Times New Roman" pitchFamily="18" charset="0"/>
                <a:cs typeface="Arial" pitchFamily="34" charset="0"/>
              </a:rPr>
              <a:t>Для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ередачи населению сигналов оповещения  могут использоваться: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543180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3" presetClass="entr" presetSubtype="3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500" fill="hold"/>
                                        <p:tgtEl>
                                          <p:spTgt spid="6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(6*min(max(#ppt_w*#ppt_h,.3),1)-7.4)/-.7*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1500"/>
                            </p:stCondLst>
                            <p:childTnLst>
                              <p:par>
                                <p:cTn id="22" presetID="23" presetClass="entr" presetSubtype="3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4" dur="5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5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500" fill="hold"/>
                                        <p:tgtEl>
                                          <p:spTgt spid="6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(6*min(max(#ppt_w*#ppt_h,.3),1)-7.4)/-.7*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2000"/>
                            </p:stCondLst>
                            <p:childTnLst>
                              <p:par>
                                <p:cTn id="29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1" dur="500" fill="hold"/>
                                        <p:tgtEl>
                                          <p:spTgt spid="7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fill="hold"/>
                                        <p:tgtEl>
                                          <p:spTgt spid="7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4" fill="hold">
                            <p:stCondLst>
                              <p:cond delay="2500"/>
                            </p:stCondLst>
                            <p:childTnLst>
                              <p:par>
                                <p:cTn id="35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37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3000"/>
                            </p:stCondLst>
                            <p:childTnLst>
                              <p:par>
                                <p:cTn id="39" presetID="23" presetClass="entr" presetSubtype="3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1" dur="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2" dur="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3" dur="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5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(6*min(max(#ppt_w*#ppt_h,.3),1)-7.4)/-.7*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3500"/>
                            </p:stCondLst>
                            <p:childTnLst>
                              <p:par>
                                <p:cTn id="46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8" dur="500" fill="hold"/>
                                        <p:tgtEl>
                                          <p:spTgt spid="7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500" fill="hold"/>
                                        <p:tgtEl>
                                          <p:spTgt spid="7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40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5" fill="hold">
                            <p:stCondLst>
                              <p:cond delay="4500"/>
                            </p:stCondLst>
                            <p:childTnLst>
                              <p:par>
                                <p:cTn id="56" presetID="23" presetClass="entr" presetSubtype="3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8" dur="5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9" dur="5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0" dur="5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1" dur="500" fill="hold"/>
                                        <p:tgtEl>
                                          <p:spTgt spid="6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(6*min(max(#ppt_w*#ppt_h,.3),1)-7.4)/-.7*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2" fill="hold">
                            <p:stCondLst>
                              <p:cond delay="5000"/>
                            </p:stCondLst>
                            <p:childTnLst>
                              <p:par>
                                <p:cTn id="63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5" dur="500" fill="hold"/>
                                        <p:tgtEl>
                                          <p:spTgt spid="7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6" dur="500" fill="hold"/>
                                        <p:tgtEl>
                                          <p:spTgt spid="7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8" fill="hold">
                            <p:stCondLst>
                              <p:cond delay="5500"/>
                            </p:stCondLst>
                            <p:childTnLst>
                              <p:par>
                                <p:cTn id="69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71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2" fill="hold">
                            <p:stCondLst>
                              <p:cond delay="6000"/>
                            </p:stCondLst>
                            <p:childTnLst>
                              <p:par>
                                <p:cTn id="73" presetID="23" presetClass="entr" presetSubtype="3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5" dur="500" fill="hold"/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6" dur="500" fill="hold"/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7" dur="500" fill="hold"/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8" dur="500" fill="hold"/>
                                        <p:tgtEl>
                                          <p:spTgt spid="9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(6*min(max(#ppt_w*#ppt_h,.3),1)-7.4)/-.7*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79" fill="hold">
                            <p:stCondLst>
                              <p:cond delay="6500"/>
                            </p:stCondLst>
                            <p:childTnLst>
                              <p:par>
                                <p:cTn id="80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82" dur="500" fill="hold"/>
                                        <p:tgtEl>
                                          <p:spTgt spid="8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3" dur="500" fill="hold"/>
                                        <p:tgtEl>
                                          <p:spTgt spid="8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84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5" fill="hold">
                            <p:stCondLst>
                              <p:cond delay="7000"/>
                            </p:stCondLst>
                            <p:childTnLst>
                              <p:par>
                                <p:cTn id="8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8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9" fill="hold">
                            <p:stCondLst>
                              <p:cond delay="7500"/>
                            </p:stCondLst>
                            <p:childTnLst>
                              <p:par>
                                <p:cTn id="90" presetID="23" presetClass="entr" presetSubtype="3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92" dur="500" fill="hold"/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3" dur="500" fill="hold"/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4" dur="500" fill="hold"/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5" dur="500" fill="hold"/>
                                        <p:tgtEl>
                                          <p:spTgt spid="9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(6*min(max(#ppt_w*#ppt_h,.3),1)-7.4)/-.7*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6" fill="hold">
                            <p:stCondLst>
                              <p:cond delay="8000"/>
                            </p:stCondLst>
                            <p:childTnLst>
                              <p:par>
                                <p:cTn id="97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99" dur="500" fill="hold"/>
                                        <p:tgtEl>
                                          <p:spTgt spid="10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0" dur="500" fill="hold"/>
                                        <p:tgtEl>
                                          <p:spTgt spid="10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1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2" fill="hold">
                            <p:stCondLst>
                              <p:cond delay="8500"/>
                            </p:stCondLst>
                            <p:childTnLst>
                              <p:par>
                                <p:cTn id="103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05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06" fill="hold">
                            <p:stCondLst>
                              <p:cond delay="9000"/>
                            </p:stCondLst>
                            <p:childTnLst>
                              <p:par>
                                <p:cTn id="107" presetID="23" presetClass="entr" presetSubtype="3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09" dur="500" fill="hold"/>
                                        <p:tgtEl>
                                          <p:spTgt spid="9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0" dur="500" fill="hold"/>
                                        <p:tgtEl>
                                          <p:spTgt spid="9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1" dur="500" fill="hold"/>
                                        <p:tgtEl>
                                          <p:spTgt spid="9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2" dur="500" fill="hold"/>
                                        <p:tgtEl>
                                          <p:spTgt spid="9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(6*min(max(#ppt_w*#ppt_h,.3),1)-7.4)/-.7*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3" fill="hold">
                            <p:stCondLst>
                              <p:cond delay="9500"/>
                            </p:stCondLst>
                            <p:childTnLst>
                              <p:par>
                                <p:cTn id="114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16" dur="500" fill="hold"/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7" dur="500" fill="hold"/>
                                        <p:tgtEl>
                                          <p:spTgt spid="10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18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9" fill="hold">
                            <p:stCondLst>
                              <p:cond delay="10000"/>
                            </p:stCondLst>
                            <p:childTnLst>
                              <p:par>
                                <p:cTn id="120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2" dur="50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3" fill="hold">
                            <p:stCondLst>
                              <p:cond delay="10500"/>
                            </p:stCondLst>
                            <p:childTnLst>
                              <p:par>
                                <p:cTn id="124" presetID="23" presetClass="entr" presetSubtype="3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6" dur="500" fill="hold"/>
                                        <p:tgtEl>
                                          <p:spTgt spid="10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7" dur="500" fill="hold"/>
                                        <p:tgtEl>
                                          <p:spTgt spid="10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8" dur="500" fill="hold"/>
                                        <p:tgtEl>
                                          <p:spTgt spid="10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9" dur="500" fill="hold"/>
                                        <p:tgtEl>
                                          <p:spTgt spid="10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(6*min(max(#ppt_w*#ppt_h,.3),1)-7.4)/-.7*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0" fill="hold">
                            <p:stCondLst>
                              <p:cond delay="11000"/>
                            </p:stCondLst>
                            <p:childTnLst>
                              <p:par>
                                <p:cTn id="131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3" dur="500" fill="hold"/>
                                        <p:tgtEl>
                                          <p:spTgt spid="10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4" dur="500" fill="hold"/>
                                        <p:tgtEl>
                                          <p:spTgt spid="10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35" dur="50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6" fill="hold">
                            <p:stCondLst>
                              <p:cond delay="11500"/>
                            </p:stCondLst>
                            <p:childTnLst>
                              <p:par>
                                <p:cTn id="13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139" dur="50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0" fill="hold">
                            <p:stCondLst>
                              <p:cond delay="12000"/>
                            </p:stCondLst>
                            <p:childTnLst>
                              <p:par>
                                <p:cTn id="141" presetID="23" presetClass="entr" presetSubtype="3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3" dur="500" fill="hold"/>
                                        <p:tgtEl>
                                          <p:spTgt spid="6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4" dur="500" fill="hold"/>
                                        <p:tgtEl>
                                          <p:spTgt spid="6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(6*min(max(#ppt_w*#ppt_h,.3),1)-7.4)/-.7*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5" dur="500" fill="hold"/>
                                        <p:tgtEl>
                                          <p:spTgt spid="6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6" dur="500" fill="hold"/>
                                        <p:tgtEl>
                                          <p:spTgt spid="6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(6*min(max(#ppt_w*#ppt_h,.3),1)-7.4)/-.7*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7" fill="hold">
                            <p:stCondLst>
                              <p:cond delay="12500"/>
                            </p:stCondLst>
                            <p:childTnLst>
                              <p:par>
                                <p:cTn id="148" presetID="53" presetClass="entr" presetSubtype="16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0" dur="500" fill="hold"/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1" dur="500" fill="hold"/>
                                        <p:tgtEl>
                                          <p:spTgt spid="10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52" dur="50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3" fill="hold">
                            <p:stCondLst>
                              <p:cond delay="13000"/>
                            </p:stCondLst>
                            <p:childTnLst>
                              <p:par>
                                <p:cTn id="15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6" dur="50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6" grpId="0"/>
      <p:bldP spid="77" grpId="0"/>
      <p:bldP spid="78" grpId="0"/>
      <p:bldP spid="79" grpId="0"/>
      <p:bldP spid="80" grpId="0"/>
      <p:bldP spid="83" grpId="0"/>
      <p:bldP spid="86" grpId="0"/>
      <p:bldP spid="89" grpId="0"/>
      <p:bldP spid="92" grpId="0"/>
      <p:bldP spid="95" grpId="0"/>
      <p:bldP spid="66" grpId="0" animBg="1"/>
      <p:bldP spid="67" grpId="0" animBg="1"/>
      <p:bldP spid="68" grpId="0" animBg="1"/>
      <p:bldP spid="69" grpId="0" animBg="1"/>
      <p:bldP spid="70" grpId="0" animBg="1"/>
      <p:bldP spid="96" grpId="0" animBg="1"/>
      <p:bldP spid="97" grpId="0" animBg="1"/>
      <p:bldP spid="98" grpId="0" animBg="1"/>
      <p:bldP spid="100" grpId="0" animBg="1"/>
      <p:bldP spid="102" grpId="0"/>
      <p:bldP spid="103" grpId="0"/>
      <p:bldP spid="104" grpId="0"/>
      <p:bldP spid="105" grpId="0"/>
      <p:bldP spid="106" grpId="0"/>
      <p:bldP spid="107" grpId="0"/>
      <p:bldP spid="108" grpId="0"/>
      <p:bldP spid="109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77441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 txBox="1">
            <a:spLocks noGrp="1"/>
          </p:cNvSpPr>
          <p:nvPr>
            <p:ph type="title"/>
          </p:nvPr>
        </p:nvSpPr>
        <p:spPr>
          <a:xfrm>
            <a:off x="255770" y="49306"/>
            <a:ext cx="5173486" cy="314635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>
              <a:spcBef>
                <a:spcPts val="53"/>
              </a:spcBef>
            </a:pPr>
            <a:r>
              <a:rPr lang="ru-RU" sz="2000" b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Нормативно-правовые документы</a:t>
            </a:r>
            <a:endParaRPr cap="all" spc="-10" dirty="0">
              <a:latin typeface="Roboto" pitchFamily="2" charset="0"/>
              <a:ea typeface="Roboto" pitchFamily="2" charset="0"/>
            </a:endParaRPr>
          </a:p>
        </p:txBody>
      </p:sp>
      <p:sp>
        <p:nvSpPr>
          <p:cNvPr id="24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14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19652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</a:t>
            </a:fld>
            <a:endParaRPr sz="1400" spc="10" dirty="0">
              <a:solidFill>
                <a:schemeClr val="bg1"/>
              </a:solidFill>
            </a:endParaRPr>
          </a:p>
        </p:txBody>
      </p:sp>
      <p:pic>
        <p:nvPicPr>
          <p:cNvPr id="15" name="Picture 4" descr="F:\Охрана труда\интер. 25.06, суббота\abit.gif"/>
          <p:cNvPicPr>
            <a:picLocks noChangeAspect="1" noChangeArrowheads="1" noCrop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7358082" y="214290"/>
            <a:ext cx="1500198" cy="17859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90113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59400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Char char="•"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Федеральный закон от 21.12.1994г. № 68-ФЗ </a:t>
            </a:r>
          </a:p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«О защите населения и территорий от чрезвычайных</a:t>
            </a:r>
          </a:p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ситуаций природного и техногенного характера»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Char char="•"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Федеральный закон от 12.02.1998г.  № 28-ФЗ </a:t>
            </a: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«О гражданской обороне». 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Char char="•"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Указ Президента от 13.11.2012 г. № 1522 «О создании комплексной системы экстренного оповещения населения об угрозе возникновения или о возникновении чрезвычайных ситуаций»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Char char="•"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Постановление Правительства РФ от 30.12.2003г. № 794 «О единой государственной системе предупреждения и ликвидации чрезвычайных ситуаций»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Char char="•"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Приказ МЧС России и Министерства цифрового развития, связи и массовых коммуникаций РФ от 31.07.2020 г. № 578/365 «Об утверждении Положения о системах оповещения населения»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Char char="•"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Постановление администрации Липецкой области от 9.04.2021г. № 132 «Об утверждении Положения о региональной автоматизированной системе централизованного  оповещения  населения  Липецкой области»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3473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0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2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79873" name="Rectangle 1"/>
          <p:cNvSpPr>
            <a:spLocks noChangeArrowheads="1"/>
          </p:cNvSpPr>
          <p:nvPr/>
        </p:nvSpPr>
        <p:spPr bwMode="auto">
          <a:xfrm>
            <a:off x="214282" y="571480"/>
            <a:ext cx="8715436" cy="618630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Рассмотрение вопросов об организации оповещения населения и определении способов и сроков оповещения населения Региональной системой оповещения осуществляется комиссией по предупреждению и ликвидации чрезвычайных ситуаций и обеспечению пожарной безопасности Липецкой области.    </a:t>
            </a:r>
          </a:p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Решения о создании, реконструкции и модернизации Региональной системы оповещения принимает администрация Липецкой области.</a:t>
            </a: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оздание, реконструкция и модернизация Региональной системы оповещения выполняются с обязательным учетом требований, изложенных в приложении № 1 к  «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  <a:hlinkClick r:id="rId4"/>
              </a:rPr>
              <a:t>Положению о системах оповещения населения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», </a:t>
            </a:r>
            <a:r>
              <a:rPr kumimoji="0" lang="ru-RU" b="1" i="1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(утв. </a:t>
            </a:r>
            <a:r>
              <a:rPr kumimoji="0" lang="ru-RU" b="1" i="1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  <a:hlinkClick r:id="rId4"/>
              </a:rPr>
              <a:t>приказом № 578/365</a:t>
            </a:r>
            <a:r>
              <a:rPr kumimoji="0" lang="ru-RU" b="1" i="1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).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 </a:t>
            </a: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   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Организация эксплуатационно-технического обслуживания Региональной системы оповещения осуществляется ОКУ "Управление ГПСС Липецкой области" в соответствии с «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  <a:hlinkClick r:id="rId5"/>
              </a:rPr>
              <a:t>Положением по организации эксплуатационно-технического обслуживания систем оповещения населения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», (утв. 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  <a:hlinkClick r:id="rId5"/>
              </a:rPr>
              <a:t>приказом № 579/366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).</a:t>
            </a: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/>
            </a:r>
            <a:b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</a:b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/>
            </a:r>
            <a:b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</a:b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1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2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77825" name="Rectangle 1"/>
          <p:cNvSpPr>
            <a:spLocks noChangeArrowheads="1"/>
          </p:cNvSpPr>
          <p:nvPr/>
        </p:nvSpPr>
        <p:spPr bwMode="auto">
          <a:xfrm>
            <a:off x="214282" y="500042"/>
            <a:ext cx="8715436" cy="50783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 целью контроля за поддержанием в готовности Региональной системы оповещения организуются и проводятся проверки, определенные «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  <a:hlinkClick r:id="rId4"/>
              </a:rPr>
              <a:t>Положением о системах оповещения населения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»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Информация документирования выполнения техническими средствами оповещения действий (процессов, функций, алгоритмов) в ходе оповещения населения (проверки системы оповещения населения) на бумажном и электронном (usb-накопитель, жесткий диск, оптический диск) носителях хранится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не менее трех лет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    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орядок действий дежурных (дежурно-диспетчерских) служб органов повседневного управления РСЧС, а также операторов связи, телерадиовещательных организаций и редакций средств массовой информации при передаче сигналов оповещения и экстренной информации определяется действующим законодательством Российской Федерации и другими документами Федеральных органов исполнительной власти, субъектов Российской Федерации, муниципальных образований и организаций, эксплуатирующих опасные производственные объекты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2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2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75777" name="Rectangle 1"/>
          <p:cNvSpPr>
            <a:spLocks noChangeArrowheads="1"/>
          </p:cNvSpPr>
          <p:nvPr/>
        </p:nvSpPr>
        <p:spPr bwMode="auto">
          <a:xfrm>
            <a:off x="214282" y="1000108"/>
            <a:ext cx="8715436" cy="397031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Органы государственной власти субъектов Российской Федерации, органы местного самоуправления и организации, в ведении которых находятся системы оповещения населения, а также постоянно действующие органы управления РСЧС, органы повседневного управления РСЧС, операторы связи и редакции средств массовой информации проводят комплекс организационно-технических мероприятий по исключению несанкционированной передачи сигналов оповещения и экстренной информации.</a:t>
            </a:r>
          </a:p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риоритетный режим функционирования определяется положениями о системах оповещения населения, планами гражданской обороны и защиты населения (планами гражданской обороны) и планами действий по предупреждению и ликвидации чрезвычайных ситуаций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77441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 txBox="1">
            <a:spLocks noGrp="1"/>
          </p:cNvSpPr>
          <p:nvPr>
            <p:ph type="title"/>
          </p:nvPr>
        </p:nvSpPr>
        <p:spPr>
          <a:xfrm>
            <a:off x="255770" y="49306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>
              <a:spcBef>
                <a:spcPts val="53"/>
              </a:spcBef>
            </a:pPr>
            <a:r>
              <a:rPr lang="ru-RU" b="1" cap="all" spc="-10" dirty="0">
                <a:latin typeface="Roboto" pitchFamily="2" charset="0"/>
                <a:ea typeface="Roboto" pitchFamily="2" charset="0"/>
              </a:rPr>
              <a:t>Вопрос </a:t>
            </a:r>
            <a:r>
              <a:rPr lang="ru-RU" b="1" cap="all" spc="-10" dirty="0" smtClean="0">
                <a:latin typeface="Roboto" pitchFamily="2" charset="0"/>
                <a:ea typeface="Roboto" pitchFamily="2" charset="0"/>
              </a:rPr>
              <a:t> 3</a:t>
            </a:r>
            <a:endParaRPr b="1" cap="all" spc="-10" dirty="0">
              <a:latin typeface="Roboto" pitchFamily="2" charset="0"/>
              <a:ea typeface="Roboto" pitchFamily="2" charset="0"/>
            </a:endParaRPr>
          </a:p>
        </p:txBody>
      </p:sp>
      <p:sp>
        <p:nvSpPr>
          <p:cNvPr id="24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14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19652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3</a:t>
            </a:fld>
            <a:endParaRPr sz="1400" spc="10" dirty="0">
              <a:solidFill>
                <a:schemeClr val="bg1"/>
              </a:solidFill>
            </a:endParaRPr>
          </a:p>
        </p:txBody>
      </p:sp>
      <p:cxnSp>
        <p:nvCxnSpPr>
          <p:cNvPr id="17" name="直接连接符 6"/>
          <p:cNvCxnSpPr/>
          <p:nvPr/>
        </p:nvCxnSpPr>
        <p:spPr>
          <a:xfrm flipV="1">
            <a:off x="1991079" y="1447802"/>
            <a:ext cx="3294" cy="1752598"/>
          </a:xfrm>
          <a:prstGeom prst="line">
            <a:avLst/>
          </a:prstGeom>
          <a:ln w="12700">
            <a:solidFill>
              <a:schemeClr val="tx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" name="组合 3"/>
          <p:cNvGrpSpPr/>
          <p:nvPr/>
        </p:nvGrpSpPr>
        <p:grpSpPr>
          <a:xfrm>
            <a:off x="372054" y="1522584"/>
            <a:ext cx="1440566" cy="1502464"/>
            <a:chOff x="1068965" y="491752"/>
            <a:chExt cx="1197175" cy="1197175"/>
          </a:xfrm>
        </p:grpSpPr>
        <p:grpSp>
          <p:nvGrpSpPr>
            <p:cNvPr id="3" name="组合 14"/>
            <p:cNvGrpSpPr/>
            <p:nvPr/>
          </p:nvGrpSpPr>
          <p:grpSpPr>
            <a:xfrm>
              <a:off x="1068965" y="491752"/>
              <a:ext cx="1197175" cy="1197175"/>
              <a:chOff x="304800" y="673100"/>
              <a:chExt cx="4000500" cy="4000500"/>
            </a:xfrm>
            <a:effectLst>
              <a:outerShdw blurRad="444500" dist="254000" dir="8100000" algn="tr" rotWithShape="0">
                <a:prstClr val="black">
                  <a:alpha val="50000"/>
                </a:prstClr>
              </a:outerShdw>
            </a:effectLst>
          </p:grpSpPr>
          <p:sp>
            <p:nvSpPr>
              <p:cNvPr id="22" name="同心圆 15"/>
              <p:cNvSpPr/>
              <p:nvPr/>
            </p:nvSpPr>
            <p:spPr>
              <a:xfrm>
                <a:off x="304800" y="673100"/>
                <a:ext cx="4000500" cy="4000500"/>
              </a:xfrm>
              <a:prstGeom prst="donut">
                <a:avLst>
                  <a:gd name="adj" fmla="val 4879"/>
                </a:avLst>
              </a:prstGeom>
              <a:gradFill>
                <a:gsLst>
                  <a:gs pos="0">
                    <a:schemeClr val="bg1"/>
                  </a:gs>
                  <a:gs pos="55000">
                    <a:schemeClr val="bg1">
                      <a:lumMod val="95000"/>
                    </a:schemeClr>
                  </a:gs>
                  <a:gs pos="100000">
                    <a:schemeClr val="bg1">
                      <a:lumMod val="65000"/>
                    </a:schemeClr>
                  </a:gs>
                </a:gsLst>
                <a:lin ang="8100000" scaled="0"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 defTabSz="465680"/>
                <a:endParaRPr lang="zh-CN" altLang="en-US" sz="2400">
                  <a:solidFill>
                    <a:prstClr val="black"/>
                  </a:solidFill>
                  <a:latin typeface="Roboto Black" pitchFamily="2" charset="0"/>
                </a:endParaRPr>
              </a:p>
            </p:txBody>
          </p:sp>
          <p:sp>
            <p:nvSpPr>
              <p:cNvPr id="23" name="椭圆 16"/>
              <p:cNvSpPr/>
              <p:nvPr/>
            </p:nvSpPr>
            <p:spPr>
              <a:xfrm>
                <a:off x="392112" y="760412"/>
                <a:ext cx="3825874" cy="3825874"/>
              </a:xfrm>
              <a:prstGeom prst="ellipse">
                <a:avLst/>
              </a:prstGeom>
              <a:gradFill>
                <a:gsLst>
                  <a:gs pos="0">
                    <a:schemeClr val="bg1"/>
                  </a:gs>
                  <a:gs pos="51000">
                    <a:schemeClr val="bg1">
                      <a:lumMod val="95000"/>
                    </a:schemeClr>
                  </a:gs>
                  <a:gs pos="100000">
                    <a:schemeClr val="bg1">
                      <a:lumMod val="75000"/>
                    </a:schemeClr>
                  </a:gs>
                </a:gsLst>
                <a:lin ang="18900000" scaled="0"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 defTabSz="465680"/>
                <a:endParaRPr lang="zh-CN" altLang="en-US" sz="3200">
                  <a:solidFill>
                    <a:prstClr val="white"/>
                  </a:solidFill>
                  <a:latin typeface="Roboto Black" pitchFamily="2" charset="0"/>
                </a:endParaRPr>
              </a:p>
            </p:txBody>
          </p:sp>
        </p:grpSp>
        <p:sp>
          <p:nvSpPr>
            <p:cNvPr id="21" name="KSO_Shape"/>
            <p:cNvSpPr>
              <a:spLocks/>
            </p:cNvSpPr>
            <p:nvPr/>
          </p:nvSpPr>
          <p:spPr bwMode="auto">
            <a:xfrm>
              <a:off x="1103170" y="685570"/>
              <a:ext cx="1136841" cy="792088"/>
            </a:xfrm>
            <a:custGeom>
              <a:avLst/>
              <a:gdLst>
                <a:gd name="T0" fmla="*/ 2147483646 w 112"/>
                <a:gd name="T1" fmla="*/ 2147483646 h 77"/>
                <a:gd name="T2" fmla="*/ 2147483646 w 112"/>
                <a:gd name="T3" fmla="*/ 2147483646 h 77"/>
                <a:gd name="T4" fmla="*/ 2147483646 w 112"/>
                <a:gd name="T5" fmla="*/ 2147483646 h 77"/>
                <a:gd name="T6" fmla="*/ 2147483646 w 112"/>
                <a:gd name="T7" fmla="*/ 2147483646 h 77"/>
                <a:gd name="T8" fmla="*/ 2147483646 w 112"/>
                <a:gd name="T9" fmla="*/ 2147483646 h 77"/>
                <a:gd name="T10" fmla="*/ 0 w 112"/>
                <a:gd name="T11" fmla="*/ 2147483646 h 77"/>
                <a:gd name="T12" fmla="*/ 2147483646 w 112"/>
                <a:gd name="T13" fmla="*/ 2147483646 h 77"/>
                <a:gd name="T14" fmla="*/ 2147483646 w 112"/>
                <a:gd name="T15" fmla="*/ 2147483646 h 77"/>
                <a:gd name="T16" fmla="*/ 2147483646 w 112"/>
                <a:gd name="T17" fmla="*/ 2147483646 h 77"/>
                <a:gd name="T18" fmla="*/ 2147483646 w 112"/>
                <a:gd name="T19" fmla="*/ 2147483646 h 77"/>
                <a:gd name="T20" fmla="*/ 2147483646 w 112"/>
                <a:gd name="T21" fmla="*/ 2147483646 h 77"/>
                <a:gd name="T22" fmla="*/ 2147483646 w 112"/>
                <a:gd name="T23" fmla="*/ 2147483646 h 77"/>
                <a:gd name="T24" fmla="*/ 2147483646 w 112"/>
                <a:gd name="T25" fmla="*/ 2147483646 h 77"/>
                <a:gd name="T26" fmla="*/ 2147483646 w 112"/>
                <a:gd name="T27" fmla="*/ 2147483646 h 77"/>
                <a:gd name="T28" fmla="*/ 2147483646 w 112"/>
                <a:gd name="T29" fmla="*/ 2147483646 h 77"/>
                <a:gd name="T30" fmla="*/ 2147483646 w 112"/>
                <a:gd name="T31" fmla="*/ 2147483646 h 77"/>
                <a:gd name="T32" fmla="*/ 2147483646 w 112"/>
                <a:gd name="T33" fmla="*/ 2147483646 h 77"/>
                <a:gd name="T34" fmla="*/ 2147483646 w 112"/>
                <a:gd name="T35" fmla="*/ 2147483646 h 77"/>
                <a:gd name="T36" fmla="*/ 2147483646 w 112"/>
                <a:gd name="T37" fmla="*/ 2147483646 h 77"/>
                <a:gd name="T38" fmla="*/ 2147483646 w 112"/>
                <a:gd name="T39" fmla="*/ 2147483646 h 77"/>
                <a:gd name="T40" fmla="*/ 2147483646 w 112"/>
                <a:gd name="T41" fmla="*/ 2147483646 h 77"/>
                <a:gd name="T42" fmla="*/ 2147483646 w 112"/>
                <a:gd name="T43" fmla="*/ 2147483646 h 77"/>
                <a:gd name="T44" fmla="*/ 2147483646 w 112"/>
                <a:gd name="T45" fmla="*/ 2147483646 h 77"/>
                <a:gd name="T46" fmla="*/ 2147483646 w 112"/>
                <a:gd name="T47" fmla="*/ 2147483646 h 77"/>
                <a:gd name="T48" fmla="*/ 2147483646 w 112"/>
                <a:gd name="T49" fmla="*/ 2147483646 h 77"/>
                <a:gd name="T50" fmla="*/ 2147483646 w 112"/>
                <a:gd name="T51" fmla="*/ 2147483646 h 77"/>
                <a:gd name="T52" fmla="*/ 2147483646 w 112"/>
                <a:gd name="T53" fmla="*/ 2147483646 h 77"/>
                <a:gd name="T54" fmla="*/ 2147483646 w 112"/>
                <a:gd name="T55" fmla="*/ 2147483646 h 77"/>
                <a:gd name="T56" fmla="*/ 2147483646 w 112"/>
                <a:gd name="T57" fmla="*/ 2147483646 h 77"/>
                <a:gd name="T58" fmla="*/ 2147483646 w 112"/>
                <a:gd name="T59" fmla="*/ 2147483646 h 77"/>
                <a:gd name="T60" fmla="*/ 2147483646 w 112"/>
                <a:gd name="T61" fmla="*/ 2147483646 h 77"/>
                <a:gd name="T62" fmla="*/ 2147483646 w 112"/>
                <a:gd name="T63" fmla="*/ 2147483646 h 77"/>
                <a:gd name="T64" fmla="*/ 2147483646 w 112"/>
                <a:gd name="T65" fmla="*/ 2147483646 h 77"/>
                <a:gd name="T66" fmla="*/ 2147483646 w 112"/>
                <a:gd name="T67" fmla="*/ 2147483646 h 77"/>
                <a:gd name="T68" fmla="*/ 2147483646 w 112"/>
                <a:gd name="T69" fmla="*/ 2147483646 h 77"/>
                <a:gd name="T70" fmla="*/ 2147483646 w 112"/>
                <a:gd name="T71" fmla="*/ 2147483646 h 77"/>
                <a:gd name="T72" fmla="*/ 2147483646 w 112"/>
                <a:gd name="T73" fmla="*/ 2147483646 h 77"/>
                <a:gd name="T74" fmla="*/ 2147483646 w 112"/>
                <a:gd name="T75" fmla="*/ 2147483646 h 77"/>
                <a:gd name="T76" fmla="*/ 2147483646 w 112"/>
                <a:gd name="T77" fmla="*/ 2147483646 h 77"/>
                <a:gd name="T78" fmla="*/ 2147483646 w 112"/>
                <a:gd name="T79" fmla="*/ 2147483646 h 77"/>
                <a:gd name="T80" fmla="*/ 2147483646 w 112"/>
                <a:gd name="T81" fmla="*/ 2147483646 h 77"/>
                <a:gd name="T82" fmla="*/ 2147483646 w 112"/>
                <a:gd name="T83" fmla="*/ 2147483646 h 77"/>
                <a:gd name="T84" fmla="*/ 2147483646 w 112"/>
                <a:gd name="T85" fmla="*/ 2147483646 h 77"/>
                <a:gd name="T86" fmla="*/ 2147483646 w 112"/>
                <a:gd name="T87" fmla="*/ 2147483646 h 77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60000 65536"/>
                <a:gd name="T106" fmla="*/ 0 60000 65536"/>
                <a:gd name="T107" fmla="*/ 0 60000 65536"/>
                <a:gd name="T108" fmla="*/ 0 60000 65536"/>
                <a:gd name="T109" fmla="*/ 0 60000 65536"/>
                <a:gd name="T110" fmla="*/ 0 60000 65536"/>
                <a:gd name="T111" fmla="*/ 0 60000 65536"/>
                <a:gd name="T112" fmla="*/ 0 60000 65536"/>
                <a:gd name="T113" fmla="*/ 0 60000 65536"/>
                <a:gd name="T114" fmla="*/ 0 60000 65536"/>
                <a:gd name="T115" fmla="*/ 0 60000 65536"/>
                <a:gd name="T116" fmla="*/ 0 60000 65536"/>
                <a:gd name="T117" fmla="*/ 0 60000 65536"/>
                <a:gd name="T118" fmla="*/ 0 60000 65536"/>
                <a:gd name="T119" fmla="*/ 0 60000 65536"/>
                <a:gd name="T120" fmla="*/ 0 60000 65536"/>
                <a:gd name="T121" fmla="*/ 0 60000 65536"/>
                <a:gd name="T122" fmla="*/ 0 60000 65536"/>
                <a:gd name="T123" fmla="*/ 0 60000 65536"/>
                <a:gd name="T124" fmla="*/ 0 60000 65536"/>
                <a:gd name="T125" fmla="*/ 0 60000 65536"/>
                <a:gd name="T126" fmla="*/ 0 60000 65536"/>
                <a:gd name="T127" fmla="*/ 0 60000 65536"/>
                <a:gd name="T128" fmla="*/ 0 60000 65536"/>
                <a:gd name="T129" fmla="*/ 0 60000 65536"/>
                <a:gd name="T130" fmla="*/ 0 60000 65536"/>
                <a:gd name="T131" fmla="*/ 0 60000 65536"/>
              </a:gdLst>
              <a:ahLst/>
              <a:cxnLst>
                <a:cxn ang="T88">
                  <a:pos x="T0" y="T1"/>
                </a:cxn>
                <a:cxn ang="T89">
                  <a:pos x="T2" y="T3"/>
                </a:cxn>
                <a:cxn ang="T90">
                  <a:pos x="T4" y="T5"/>
                </a:cxn>
                <a:cxn ang="T91">
                  <a:pos x="T6" y="T7"/>
                </a:cxn>
                <a:cxn ang="T92">
                  <a:pos x="T8" y="T9"/>
                </a:cxn>
                <a:cxn ang="T93">
                  <a:pos x="T10" y="T11"/>
                </a:cxn>
                <a:cxn ang="T94">
                  <a:pos x="T12" y="T13"/>
                </a:cxn>
                <a:cxn ang="T95">
                  <a:pos x="T14" y="T15"/>
                </a:cxn>
                <a:cxn ang="T96">
                  <a:pos x="T16" y="T17"/>
                </a:cxn>
                <a:cxn ang="T97">
                  <a:pos x="T18" y="T19"/>
                </a:cxn>
                <a:cxn ang="T98">
                  <a:pos x="T20" y="T21"/>
                </a:cxn>
                <a:cxn ang="T99">
                  <a:pos x="T22" y="T23"/>
                </a:cxn>
                <a:cxn ang="T100">
                  <a:pos x="T24" y="T25"/>
                </a:cxn>
                <a:cxn ang="T101">
                  <a:pos x="T26" y="T27"/>
                </a:cxn>
                <a:cxn ang="T102">
                  <a:pos x="T28" y="T29"/>
                </a:cxn>
                <a:cxn ang="T103">
                  <a:pos x="T30" y="T31"/>
                </a:cxn>
                <a:cxn ang="T104">
                  <a:pos x="T32" y="T33"/>
                </a:cxn>
                <a:cxn ang="T105">
                  <a:pos x="T34" y="T35"/>
                </a:cxn>
                <a:cxn ang="T106">
                  <a:pos x="T36" y="T37"/>
                </a:cxn>
                <a:cxn ang="T107">
                  <a:pos x="T38" y="T39"/>
                </a:cxn>
                <a:cxn ang="T108">
                  <a:pos x="T40" y="T41"/>
                </a:cxn>
                <a:cxn ang="T109">
                  <a:pos x="T42" y="T43"/>
                </a:cxn>
                <a:cxn ang="T110">
                  <a:pos x="T44" y="T45"/>
                </a:cxn>
                <a:cxn ang="T111">
                  <a:pos x="T46" y="T47"/>
                </a:cxn>
                <a:cxn ang="T112">
                  <a:pos x="T48" y="T49"/>
                </a:cxn>
                <a:cxn ang="T113">
                  <a:pos x="T50" y="T51"/>
                </a:cxn>
                <a:cxn ang="T114">
                  <a:pos x="T52" y="T53"/>
                </a:cxn>
                <a:cxn ang="T115">
                  <a:pos x="T54" y="T55"/>
                </a:cxn>
                <a:cxn ang="T116">
                  <a:pos x="T56" y="T57"/>
                </a:cxn>
                <a:cxn ang="T117">
                  <a:pos x="T58" y="T59"/>
                </a:cxn>
                <a:cxn ang="T118">
                  <a:pos x="T60" y="T61"/>
                </a:cxn>
                <a:cxn ang="T119">
                  <a:pos x="T62" y="T63"/>
                </a:cxn>
                <a:cxn ang="T120">
                  <a:pos x="T64" y="T65"/>
                </a:cxn>
                <a:cxn ang="T121">
                  <a:pos x="T66" y="T67"/>
                </a:cxn>
                <a:cxn ang="T122">
                  <a:pos x="T68" y="T69"/>
                </a:cxn>
                <a:cxn ang="T123">
                  <a:pos x="T70" y="T71"/>
                </a:cxn>
                <a:cxn ang="T124">
                  <a:pos x="T72" y="T73"/>
                </a:cxn>
                <a:cxn ang="T125">
                  <a:pos x="T74" y="T75"/>
                </a:cxn>
                <a:cxn ang="T126">
                  <a:pos x="T76" y="T77"/>
                </a:cxn>
                <a:cxn ang="T127">
                  <a:pos x="T78" y="T79"/>
                </a:cxn>
                <a:cxn ang="T128">
                  <a:pos x="T80" y="T81"/>
                </a:cxn>
                <a:cxn ang="T129">
                  <a:pos x="T82" y="T83"/>
                </a:cxn>
                <a:cxn ang="T130">
                  <a:pos x="T84" y="T85"/>
                </a:cxn>
                <a:cxn ang="T131">
                  <a:pos x="T86" y="T87"/>
                </a:cxn>
              </a:cxnLst>
              <a:rect l="0" t="0" r="r" b="b"/>
              <a:pathLst>
                <a:path w="112" h="77">
                  <a:moveTo>
                    <a:pt x="56" y="0"/>
                  </a:moveTo>
                  <a:cubicBezTo>
                    <a:pt x="62" y="0"/>
                    <a:pt x="66" y="4"/>
                    <a:pt x="66" y="10"/>
                  </a:cubicBezTo>
                  <a:cubicBezTo>
                    <a:pt x="66" y="15"/>
                    <a:pt x="62" y="20"/>
                    <a:pt x="56" y="20"/>
                  </a:cubicBezTo>
                  <a:cubicBezTo>
                    <a:pt x="51" y="20"/>
                    <a:pt x="46" y="15"/>
                    <a:pt x="46" y="10"/>
                  </a:cubicBezTo>
                  <a:cubicBezTo>
                    <a:pt x="46" y="4"/>
                    <a:pt x="51" y="0"/>
                    <a:pt x="56" y="0"/>
                  </a:cubicBezTo>
                  <a:close/>
                  <a:moveTo>
                    <a:pt x="15" y="49"/>
                  </a:moveTo>
                  <a:cubicBezTo>
                    <a:pt x="15" y="66"/>
                    <a:pt x="15" y="66"/>
                    <a:pt x="15" y="66"/>
                  </a:cubicBezTo>
                  <a:cubicBezTo>
                    <a:pt x="10" y="66"/>
                    <a:pt x="10" y="66"/>
                    <a:pt x="10" y="66"/>
                  </a:cubicBezTo>
                  <a:cubicBezTo>
                    <a:pt x="10" y="52"/>
                    <a:pt x="10" y="52"/>
                    <a:pt x="10" y="52"/>
                  </a:cubicBezTo>
                  <a:cubicBezTo>
                    <a:pt x="9" y="52"/>
                    <a:pt x="9" y="52"/>
                    <a:pt x="9" y="52"/>
                  </a:cubicBezTo>
                  <a:cubicBezTo>
                    <a:pt x="9" y="66"/>
                    <a:pt x="9" y="66"/>
                    <a:pt x="9" y="66"/>
                  </a:cubicBezTo>
                  <a:cubicBezTo>
                    <a:pt x="4" y="66"/>
                    <a:pt x="4" y="66"/>
                    <a:pt x="4" y="66"/>
                  </a:cubicBezTo>
                  <a:cubicBezTo>
                    <a:pt x="4" y="49"/>
                    <a:pt x="4" y="49"/>
                    <a:pt x="4" y="49"/>
                  </a:cubicBezTo>
                  <a:cubicBezTo>
                    <a:pt x="4" y="46"/>
                    <a:pt x="4" y="46"/>
                    <a:pt x="4" y="46"/>
                  </a:cubicBezTo>
                  <a:cubicBezTo>
                    <a:pt x="4" y="37"/>
                    <a:pt x="4" y="37"/>
                    <a:pt x="4" y="37"/>
                  </a:cubicBezTo>
                  <a:cubicBezTo>
                    <a:pt x="4" y="37"/>
                    <a:pt x="4" y="37"/>
                    <a:pt x="4" y="37"/>
                  </a:cubicBezTo>
                  <a:cubicBezTo>
                    <a:pt x="4" y="46"/>
                    <a:pt x="4" y="46"/>
                    <a:pt x="4" y="46"/>
                  </a:cubicBezTo>
                  <a:cubicBezTo>
                    <a:pt x="0" y="46"/>
                    <a:pt x="0" y="46"/>
                    <a:pt x="0" y="46"/>
                  </a:cubicBezTo>
                  <a:cubicBezTo>
                    <a:pt x="0" y="33"/>
                    <a:pt x="0" y="33"/>
                    <a:pt x="0" y="33"/>
                  </a:cubicBezTo>
                  <a:cubicBezTo>
                    <a:pt x="0" y="31"/>
                    <a:pt x="1" y="29"/>
                    <a:pt x="4" y="29"/>
                  </a:cubicBezTo>
                  <a:cubicBezTo>
                    <a:pt x="13" y="29"/>
                    <a:pt x="13" y="29"/>
                    <a:pt x="13" y="29"/>
                  </a:cubicBezTo>
                  <a:cubicBezTo>
                    <a:pt x="13" y="30"/>
                    <a:pt x="13" y="30"/>
                    <a:pt x="13" y="31"/>
                  </a:cubicBezTo>
                  <a:cubicBezTo>
                    <a:pt x="13" y="49"/>
                    <a:pt x="13" y="49"/>
                    <a:pt x="13" y="49"/>
                  </a:cubicBezTo>
                  <a:cubicBezTo>
                    <a:pt x="15" y="49"/>
                    <a:pt x="15" y="49"/>
                    <a:pt x="15" y="49"/>
                  </a:cubicBezTo>
                  <a:close/>
                  <a:moveTo>
                    <a:pt x="10" y="15"/>
                  </a:moveTo>
                  <a:cubicBezTo>
                    <a:pt x="13" y="15"/>
                    <a:pt x="16" y="18"/>
                    <a:pt x="16" y="22"/>
                  </a:cubicBezTo>
                  <a:cubicBezTo>
                    <a:pt x="16" y="23"/>
                    <a:pt x="16" y="24"/>
                    <a:pt x="15" y="25"/>
                  </a:cubicBezTo>
                  <a:cubicBezTo>
                    <a:pt x="15" y="26"/>
                    <a:pt x="15" y="26"/>
                    <a:pt x="14" y="26"/>
                  </a:cubicBezTo>
                  <a:cubicBezTo>
                    <a:pt x="13" y="27"/>
                    <a:pt x="12" y="28"/>
                    <a:pt x="10" y="28"/>
                  </a:cubicBezTo>
                  <a:cubicBezTo>
                    <a:pt x="6" y="28"/>
                    <a:pt x="3" y="25"/>
                    <a:pt x="3" y="22"/>
                  </a:cubicBezTo>
                  <a:cubicBezTo>
                    <a:pt x="3" y="18"/>
                    <a:pt x="6" y="15"/>
                    <a:pt x="10" y="15"/>
                  </a:cubicBezTo>
                  <a:close/>
                  <a:moveTo>
                    <a:pt x="96" y="49"/>
                  </a:moveTo>
                  <a:cubicBezTo>
                    <a:pt x="96" y="66"/>
                    <a:pt x="96" y="66"/>
                    <a:pt x="96" y="66"/>
                  </a:cubicBezTo>
                  <a:cubicBezTo>
                    <a:pt x="101" y="66"/>
                    <a:pt x="101" y="66"/>
                    <a:pt x="101" y="66"/>
                  </a:cubicBezTo>
                  <a:cubicBezTo>
                    <a:pt x="101" y="52"/>
                    <a:pt x="101" y="52"/>
                    <a:pt x="101" y="52"/>
                  </a:cubicBezTo>
                  <a:cubicBezTo>
                    <a:pt x="102" y="52"/>
                    <a:pt x="102" y="52"/>
                    <a:pt x="102" y="52"/>
                  </a:cubicBezTo>
                  <a:cubicBezTo>
                    <a:pt x="102" y="66"/>
                    <a:pt x="102" y="66"/>
                    <a:pt x="102" y="66"/>
                  </a:cubicBezTo>
                  <a:cubicBezTo>
                    <a:pt x="107" y="66"/>
                    <a:pt x="107" y="66"/>
                    <a:pt x="107" y="66"/>
                  </a:cubicBezTo>
                  <a:cubicBezTo>
                    <a:pt x="107" y="49"/>
                    <a:pt x="107" y="49"/>
                    <a:pt x="107" y="49"/>
                  </a:cubicBezTo>
                  <a:cubicBezTo>
                    <a:pt x="107" y="46"/>
                    <a:pt x="107" y="46"/>
                    <a:pt x="107" y="46"/>
                  </a:cubicBezTo>
                  <a:cubicBezTo>
                    <a:pt x="107" y="37"/>
                    <a:pt x="107" y="37"/>
                    <a:pt x="107" y="37"/>
                  </a:cubicBezTo>
                  <a:cubicBezTo>
                    <a:pt x="107" y="37"/>
                    <a:pt x="107" y="37"/>
                    <a:pt x="107" y="37"/>
                  </a:cubicBezTo>
                  <a:cubicBezTo>
                    <a:pt x="107" y="46"/>
                    <a:pt x="107" y="46"/>
                    <a:pt x="107" y="46"/>
                  </a:cubicBezTo>
                  <a:cubicBezTo>
                    <a:pt x="112" y="46"/>
                    <a:pt x="112" y="46"/>
                    <a:pt x="112" y="46"/>
                  </a:cubicBezTo>
                  <a:cubicBezTo>
                    <a:pt x="112" y="33"/>
                    <a:pt x="112" y="33"/>
                    <a:pt x="112" y="33"/>
                  </a:cubicBezTo>
                  <a:cubicBezTo>
                    <a:pt x="112" y="31"/>
                    <a:pt x="110" y="29"/>
                    <a:pt x="107" y="29"/>
                  </a:cubicBezTo>
                  <a:cubicBezTo>
                    <a:pt x="98" y="29"/>
                    <a:pt x="98" y="29"/>
                    <a:pt x="98" y="29"/>
                  </a:cubicBezTo>
                  <a:cubicBezTo>
                    <a:pt x="98" y="30"/>
                    <a:pt x="98" y="30"/>
                    <a:pt x="98" y="31"/>
                  </a:cubicBezTo>
                  <a:cubicBezTo>
                    <a:pt x="98" y="49"/>
                    <a:pt x="98" y="49"/>
                    <a:pt x="98" y="49"/>
                  </a:cubicBezTo>
                  <a:cubicBezTo>
                    <a:pt x="96" y="49"/>
                    <a:pt x="96" y="49"/>
                    <a:pt x="96" y="49"/>
                  </a:cubicBezTo>
                  <a:close/>
                  <a:moveTo>
                    <a:pt x="101" y="15"/>
                  </a:moveTo>
                  <a:cubicBezTo>
                    <a:pt x="98" y="15"/>
                    <a:pt x="95" y="18"/>
                    <a:pt x="95" y="22"/>
                  </a:cubicBezTo>
                  <a:cubicBezTo>
                    <a:pt x="95" y="23"/>
                    <a:pt x="95" y="24"/>
                    <a:pt x="96" y="25"/>
                  </a:cubicBezTo>
                  <a:cubicBezTo>
                    <a:pt x="96" y="26"/>
                    <a:pt x="97" y="26"/>
                    <a:pt x="97" y="26"/>
                  </a:cubicBezTo>
                  <a:cubicBezTo>
                    <a:pt x="98" y="27"/>
                    <a:pt x="100" y="28"/>
                    <a:pt x="101" y="28"/>
                  </a:cubicBezTo>
                  <a:cubicBezTo>
                    <a:pt x="105" y="28"/>
                    <a:pt x="108" y="25"/>
                    <a:pt x="108" y="22"/>
                  </a:cubicBezTo>
                  <a:cubicBezTo>
                    <a:pt x="108" y="18"/>
                    <a:pt x="105" y="15"/>
                    <a:pt x="101" y="15"/>
                  </a:cubicBezTo>
                  <a:close/>
                  <a:moveTo>
                    <a:pt x="75" y="51"/>
                  </a:moveTo>
                  <a:cubicBezTo>
                    <a:pt x="75" y="72"/>
                    <a:pt x="75" y="72"/>
                    <a:pt x="75" y="72"/>
                  </a:cubicBezTo>
                  <a:cubicBezTo>
                    <a:pt x="80" y="72"/>
                    <a:pt x="80" y="72"/>
                    <a:pt x="80" y="72"/>
                  </a:cubicBezTo>
                  <a:cubicBezTo>
                    <a:pt x="80" y="54"/>
                    <a:pt x="80" y="54"/>
                    <a:pt x="80" y="54"/>
                  </a:cubicBezTo>
                  <a:cubicBezTo>
                    <a:pt x="82" y="54"/>
                    <a:pt x="82" y="54"/>
                    <a:pt x="82" y="54"/>
                  </a:cubicBezTo>
                  <a:cubicBezTo>
                    <a:pt x="82" y="72"/>
                    <a:pt x="82" y="72"/>
                    <a:pt x="82" y="72"/>
                  </a:cubicBezTo>
                  <a:cubicBezTo>
                    <a:pt x="87" y="72"/>
                    <a:pt x="87" y="72"/>
                    <a:pt x="87" y="72"/>
                  </a:cubicBezTo>
                  <a:cubicBezTo>
                    <a:pt x="87" y="51"/>
                    <a:pt x="87" y="51"/>
                    <a:pt x="87" y="51"/>
                  </a:cubicBezTo>
                  <a:cubicBezTo>
                    <a:pt x="87" y="47"/>
                    <a:pt x="87" y="47"/>
                    <a:pt x="87" y="47"/>
                  </a:cubicBezTo>
                  <a:cubicBezTo>
                    <a:pt x="87" y="36"/>
                    <a:pt x="87" y="36"/>
                    <a:pt x="87" y="36"/>
                  </a:cubicBezTo>
                  <a:cubicBezTo>
                    <a:pt x="88" y="36"/>
                    <a:pt x="88" y="36"/>
                    <a:pt x="88" y="36"/>
                  </a:cubicBezTo>
                  <a:cubicBezTo>
                    <a:pt x="88" y="47"/>
                    <a:pt x="88" y="47"/>
                    <a:pt x="88" y="47"/>
                  </a:cubicBezTo>
                  <a:cubicBezTo>
                    <a:pt x="94" y="47"/>
                    <a:pt x="94" y="47"/>
                    <a:pt x="94" y="47"/>
                  </a:cubicBezTo>
                  <a:cubicBezTo>
                    <a:pt x="94" y="31"/>
                    <a:pt x="94" y="31"/>
                    <a:pt x="94" y="31"/>
                  </a:cubicBezTo>
                  <a:cubicBezTo>
                    <a:pt x="94" y="28"/>
                    <a:pt x="91" y="26"/>
                    <a:pt x="88" y="26"/>
                  </a:cubicBezTo>
                  <a:cubicBezTo>
                    <a:pt x="77" y="26"/>
                    <a:pt x="77" y="26"/>
                    <a:pt x="77" y="26"/>
                  </a:cubicBezTo>
                  <a:cubicBezTo>
                    <a:pt x="77" y="27"/>
                    <a:pt x="77" y="28"/>
                    <a:pt x="77" y="28"/>
                  </a:cubicBezTo>
                  <a:cubicBezTo>
                    <a:pt x="77" y="51"/>
                    <a:pt x="77" y="51"/>
                    <a:pt x="77" y="51"/>
                  </a:cubicBezTo>
                  <a:cubicBezTo>
                    <a:pt x="75" y="51"/>
                    <a:pt x="75" y="51"/>
                    <a:pt x="75" y="51"/>
                  </a:cubicBezTo>
                  <a:close/>
                  <a:moveTo>
                    <a:pt x="65" y="47"/>
                  </a:moveTo>
                  <a:cubicBezTo>
                    <a:pt x="65" y="32"/>
                    <a:pt x="65" y="32"/>
                    <a:pt x="65" y="32"/>
                  </a:cubicBezTo>
                  <a:cubicBezTo>
                    <a:pt x="64" y="32"/>
                    <a:pt x="64" y="32"/>
                    <a:pt x="64" y="32"/>
                  </a:cubicBezTo>
                  <a:cubicBezTo>
                    <a:pt x="64" y="47"/>
                    <a:pt x="64" y="47"/>
                    <a:pt x="64" y="47"/>
                  </a:cubicBezTo>
                  <a:cubicBezTo>
                    <a:pt x="64" y="50"/>
                    <a:pt x="64" y="50"/>
                    <a:pt x="64" y="50"/>
                  </a:cubicBezTo>
                  <a:cubicBezTo>
                    <a:pt x="64" y="77"/>
                    <a:pt x="64" y="77"/>
                    <a:pt x="64" y="77"/>
                  </a:cubicBezTo>
                  <a:cubicBezTo>
                    <a:pt x="57" y="77"/>
                    <a:pt x="57" y="77"/>
                    <a:pt x="57" y="77"/>
                  </a:cubicBezTo>
                  <a:cubicBezTo>
                    <a:pt x="57" y="55"/>
                    <a:pt x="57" y="55"/>
                    <a:pt x="57" y="55"/>
                  </a:cubicBezTo>
                  <a:cubicBezTo>
                    <a:pt x="55" y="55"/>
                    <a:pt x="55" y="55"/>
                    <a:pt x="55" y="55"/>
                  </a:cubicBezTo>
                  <a:cubicBezTo>
                    <a:pt x="55" y="77"/>
                    <a:pt x="55" y="77"/>
                    <a:pt x="55" y="77"/>
                  </a:cubicBezTo>
                  <a:cubicBezTo>
                    <a:pt x="48" y="77"/>
                    <a:pt x="48" y="77"/>
                    <a:pt x="48" y="77"/>
                  </a:cubicBezTo>
                  <a:cubicBezTo>
                    <a:pt x="48" y="50"/>
                    <a:pt x="48" y="50"/>
                    <a:pt x="48" y="50"/>
                  </a:cubicBezTo>
                  <a:cubicBezTo>
                    <a:pt x="48" y="47"/>
                    <a:pt x="48" y="47"/>
                    <a:pt x="48" y="47"/>
                  </a:cubicBezTo>
                  <a:cubicBezTo>
                    <a:pt x="48" y="32"/>
                    <a:pt x="48" y="32"/>
                    <a:pt x="48" y="32"/>
                  </a:cubicBezTo>
                  <a:cubicBezTo>
                    <a:pt x="47" y="32"/>
                    <a:pt x="47" y="32"/>
                    <a:pt x="47" y="32"/>
                  </a:cubicBezTo>
                  <a:cubicBezTo>
                    <a:pt x="47" y="47"/>
                    <a:pt x="47" y="47"/>
                    <a:pt x="47" y="47"/>
                  </a:cubicBezTo>
                  <a:cubicBezTo>
                    <a:pt x="41" y="47"/>
                    <a:pt x="41" y="47"/>
                    <a:pt x="41" y="47"/>
                  </a:cubicBezTo>
                  <a:cubicBezTo>
                    <a:pt x="41" y="27"/>
                    <a:pt x="41" y="27"/>
                    <a:pt x="41" y="27"/>
                  </a:cubicBezTo>
                  <a:cubicBezTo>
                    <a:pt x="41" y="24"/>
                    <a:pt x="44" y="21"/>
                    <a:pt x="47" y="21"/>
                  </a:cubicBezTo>
                  <a:cubicBezTo>
                    <a:pt x="66" y="21"/>
                    <a:pt x="46" y="21"/>
                    <a:pt x="65" y="21"/>
                  </a:cubicBezTo>
                  <a:cubicBezTo>
                    <a:pt x="69" y="21"/>
                    <a:pt x="71" y="24"/>
                    <a:pt x="71" y="27"/>
                  </a:cubicBezTo>
                  <a:cubicBezTo>
                    <a:pt x="71" y="47"/>
                    <a:pt x="71" y="47"/>
                    <a:pt x="71" y="47"/>
                  </a:cubicBezTo>
                  <a:cubicBezTo>
                    <a:pt x="70" y="47"/>
                    <a:pt x="68" y="47"/>
                    <a:pt x="65" y="47"/>
                  </a:cubicBezTo>
                  <a:close/>
                  <a:moveTo>
                    <a:pt x="37" y="51"/>
                  </a:moveTo>
                  <a:cubicBezTo>
                    <a:pt x="37" y="72"/>
                    <a:pt x="37" y="72"/>
                    <a:pt x="37" y="72"/>
                  </a:cubicBezTo>
                  <a:cubicBezTo>
                    <a:pt x="31" y="72"/>
                    <a:pt x="31" y="72"/>
                    <a:pt x="31" y="72"/>
                  </a:cubicBezTo>
                  <a:cubicBezTo>
                    <a:pt x="31" y="54"/>
                    <a:pt x="31" y="54"/>
                    <a:pt x="31" y="54"/>
                  </a:cubicBezTo>
                  <a:cubicBezTo>
                    <a:pt x="30" y="54"/>
                    <a:pt x="30" y="54"/>
                    <a:pt x="30" y="54"/>
                  </a:cubicBezTo>
                  <a:cubicBezTo>
                    <a:pt x="30" y="72"/>
                    <a:pt x="30" y="72"/>
                    <a:pt x="30" y="72"/>
                  </a:cubicBezTo>
                  <a:cubicBezTo>
                    <a:pt x="24" y="72"/>
                    <a:pt x="24" y="72"/>
                    <a:pt x="24" y="72"/>
                  </a:cubicBezTo>
                  <a:cubicBezTo>
                    <a:pt x="24" y="51"/>
                    <a:pt x="24" y="51"/>
                    <a:pt x="24" y="51"/>
                  </a:cubicBezTo>
                  <a:cubicBezTo>
                    <a:pt x="24" y="47"/>
                    <a:pt x="24" y="47"/>
                    <a:pt x="24" y="47"/>
                  </a:cubicBezTo>
                  <a:cubicBezTo>
                    <a:pt x="24" y="36"/>
                    <a:pt x="24" y="36"/>
                    <a:pt x="24" y="36"/>
                  </a:cubicBezTo>
                  <a:cubicBezTo>
                    <a:pt x="23" y="36"/>
                    <a:pt x="23" y="36"/>
                    <a:pt x="23" y="36"/>
                  </a:cubicBezTo>
                  <a:cubicBezTo>
                    <a:pt x="23" y="47"/>
                    <a:pt x="23" y="47"/>
                    <a:pt x="23" y="47"/>
                  </a:cubicBezTo>
                  <a:cubicBezTo>
                    <a:pt x="18" y="47"/>
                    <a:pt x="18" y="47"/>
                    <a:pt x="18" y="47"/>
                  </a:cubicBezTo>
                  <a:cubicBezTo>
                    <a:pt x="18" y="31"/>
                    <a:pt x="18" y="31"/>
                    <a:pt x="18" y="31"/>
                  </a:cubicBezTo>
                  <a:cubicBezTo>
                    <a:pt x="18" y="28"/>
                    <a:pt x="20" y="26"/>
                    <a:pt x="23" y="26"/>
                  </a:cubicBezTo>
                  <a:cubicBezTo>
                    <a:pt x="35" y="26"/>
                    <a:pt x="35" y="26"/>
                    <a:pt x="35" y="26"/>
                  </a:cubicBezTo>
                  <a:cubicBezTo>
                    <a:pt x="35" y="27"/>
                    <a:pt x="35" y="28"/>
                    <a:pt x="35" y="28"/>
                  </a:cubicBezTo>
                  <a:cubicBezTo>
                    <a:pt x="35" y="51"/>
                    <a:pt x="35" y="51"/>
                    <a:pt x="35" y="51"/>
                  </a:cubicBezTo>
                  <a:cubicBezTo>
                    <a:pt x="37" y="51"/>
                    <a:pt x="37" y="51"/>
                    <a:pt x="37" y="51"/>
                  </a:cubicBezTo>
                  <a:close/>
                  <a:moveTo>
                    <a:pt x="31" y="9"/>
                  </a:moveTo>
                  <a:cubicBezTo>
                    <a:pt x="35" y="9"/>
                    <a:pt x="39" y="12"/>
                    <a:pt x="39" y="17"/>
                  </a:cubicBezTo>
                  <a:cubicBezTo>
                    <a:pt x="39" y="19"/>
                    <a:pt x="38" y="20"/>
                    <a:pt x="37" y="22"/>
                  </a:cubicBezTo>
                  <a:cubicBezTo>
                    <a:pt x="37" y="22"/>
                    <a:pt x="37" y="22"/>
                    <a:pt x="37" y="23"/>
                  </a:cubicBezTo>
                  <a:cubicBezTo>
                    <a:pt x="35" y="24"/>
                    <a:pt x="33" y="25"/>
                    <a:pt x="31" y="25"/>
                  </a:cubicBezTo>
                  <a:cubicBezTo>
                    <a:pt x="26" y="25"/>
                    <a:pt x="22" y="21"/>
                    <a:pt x="22" y="17"/>
                  </a:cubicBezTo>
                  <a:cubicBezTo>
                    <a:pt x="22" y="12"/>
                    <a:pt x="26" y="9"/>
                    <a:pt x="31" y="9"/>
                  </a:cubicBezTo>
                  <a:close/>
                  <a:moveTo>
                    <a:pt x="81" y="9"/>
                  </a:moveTo>
                  <a:cubicBezTo>
                    <a:pt x="76" y="9"/>
                    <a:pt x="73" y="12"/>
                    <a:pt x="73" y="17"/>
                  </a:cubicBezTo>
                  <a:cubicBezTo>
                    <a:pt x="73" y="19"/>
                    <a:pt x="73" y="20"/>
                    <a:pt x="74" y="22"/>
                  </a:cubicBezTo>
                  <a:cubicBezTo>
                    <a:pt x="75" y="22"/>
                    <a:pt x="75" y="22"/>
                    <a:pt x="75" y="23"/>
                  </a:cubicBezTo>
                  <a:cubicBezTo>
                    <a:pt x="77" y="24"/>
                    <a:pt x="79" y="25"/>
                    <a:pt x="81" y="25"/>
                  </a:cubicBezTo>
                  <a:cubicBezTo>
                    <a:pt x="85" y="25"/>
                    <a:pt x="89" y="21"/>
                    <a:pt x="89" y="17"/>
                  </a:cubicBezTo>
                  <a:cubicBezTo>
                    <a:pt x="89" y="12"/>
                    <a:pt x="85" y="9"/>
                    <a:pt x="81" y="9"/>
                  </a:cubicBezTo>
                  <a:close/>
                </a:path>
              </a:pathLst>
            </a:custGeom>
            <a:noFill/>
            <a:ln>
              <a:noFill/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  <a:ex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465680"/>
              <a:r>
                <a:rPr lang="ru-RU" altLang="zh-CN" sz="3200" b="1" dirty="0" smtClean="0">
                  <a:solidFill>
                    <a:prstClr val="black"/>
                  </a:solidFill>
                  <a:latin typeface="Roboto Black" pitchFamily="2" charset="0"/>
                  <a:ea typeface="Roboto Black" pitchFamily="2" charset="0"/>
                </a:rPr>
                <a:t>1.1.3</a:t>
              </a:r>
              <a:endParaRPr lang="zh-CN" altLang="en-US" sz="3200" b="1" dirty="0">
                <a:solidFill>
                  <a:prstClr val="black"/>
                </a:solidFill>
                <a:latin typeface="Roboto Black" pitchFamily="2" charset="0"/>
              </a:endParaRPr>
            </a:p>
          </p:txBody>
        </p:sp>
      </p:grpSp>
      <p:sp>
        <p:nvSpPr>
          <p:cNvPr id="16" name="Прямоугольник 15"/>
          <p:cNvSpPr/>
          <p:nvPr/>
        </p:nvSpPr>
        <p:spPr>
          <a:xfrm>
            <a:off x="2000232" y="428604"/>
            <a:ext cx="6929486" cy="8309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400" b="1" dirty="0" smtClean="0">
                <a:latin typeface="Arial" pitchFamily="34" charset="0"/>
                <a:cs typeface="Arial" pitchFamily="34" charset="0"/>
              </a:rPr>
              <a:t>Действия  населения  по  сигналам  оповещения</a:t>
            </a:r>
            <a:endParaRPr lang="ru-RU" sz="24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15" name="Picture 11" descr="https://ud.kmvcity.ru/files/i/1/v/S001i1v142925353645749708.jpg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2000232" y="1428736"/>
            <a:ext cx="6572296" cy="492922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3473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#ppt_w*1.125000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Effect transition="in" filter="wipe(left)">
                                      <p:cBhvr>
                                        <p:cTn id="8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6" presetClass="entr" presetSubtype="4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Horizontal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9" descr="https://1.bp.blogspot.com/-5n40ZBDdEPU/W71AvfS-oXI/AAAAAAAAVs0/RZ-ACj6K_w84B5jJfGV0RtjnByqgmCf7wCLcBGAs/w1200-h630-p-k-no-nu/vnimanie.jpeg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928662" y="2857496"/>
            <a:ext cx="7215238" cy="3794124"/>
          </a:xfrm>
          <a:prstGeom prst="rect">
            <a:avLst/>
          </a:prstGeom>
          <a:noFill/>
          <a:ln w="9525">
            <a:solidFill>
              <a:schemeClr val="accent1"/>
            </a:solidFill>
            <a:miter lim="800000"/>
            <a:headEnd/>
            <a:tailEnd/>
          </a:ln>
        </p:spPr>
      </p:pic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4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3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8" name="Прямоугольник 7"/>
          <p:cNvSpPr/>
          <p:nvPr/>
        </p:nvSpPr>
        <p:spPr>
          <a:xfrm>
            <a:off x="214282" y="500042"/>
            <a:ext cx="8715436" cy="2308324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just">
              <a:defRPr/>
            </a:pPr>
            <a:r>
              <a:rPr lang="ru-RU" b="1" dirty="0">
                <a:effectLst>
                  <a:outerShdw blurRad="38100" dist="38100" dir="2700000" algn="tl">
                    <a:srgbClr val="C0C0C0"/>
                  </a:outerShdw>
                </a:effectLst>
                <a:cs typeface="Times New Roman" pitchFamily="18" charset="0"/>
              </a:rPr>
              <a:t> В России изменился порядок подачи сигналов гражданской обороны для оповещения населения: отныне при различных чрезвычайных ситуациях будет только один сигнал — «Внимание всем!» (</a:t>
            </a:r>
            <a:r>
              <a:rPr lang="ru-RU" b="1" i="1" dirty="0">
                <a:effectLst>
                  <a:outerShdw blurRad="38100" dist="38100" dir="2700000" algn="tl">
                    <a:srgbClr val="C0C0C0"/>
                  </a:outerShdw>
                </a:effectLst>
                <a:cs typeface="Times New Roman" pitchFamily="18" charset="0"/>
              </a:rPr>
              <a:t>сообщение на сайте МЧС России от 17 мая 2021 г.).</a:t>
            </a:r>
            <a:endParaRPr lang="ru-RU" b="1" dirty="0">
              <a:effectLst>
                <a:outerShdw blurRad="38100" dist="38100" dir="2700000" algn="tl">
                  <a:srgbClr val="C0C0C0"/>
                </a:outerShdw>
              </a:effectLst>
            </a:endParaRPr>
          </a:p>
          <a:p>
            <a:pPr algn="just">
              <a:defRPr/>
            </a:pPr>
            <a:r>
              <a:rPr lang="ru-RU" b="1" dirty="0">
                <a:effectLst>
                  <a:outerShdw blurRad="38100" dist="38100" dir="2700000" algn="tl">
                    <a:srgbClr val="C0C0C0"/>
                  </a:outerShdw>
                </a:effectLst>
                <a:cs typeface="Times New Roman" pitchFamily="18" charset="0"/>
              </a:rPr>
              <a:t>        </a:t>
            </a:r>
            <a:r>
              <a:rPr lang="ru-RU" b="1" dirty="0">
                <a:solidFill>
                  <a:srgbClr val="C00000"/>
                </a:solidFill>
                <a:effectLst>
                  <a:outerShdw blurRad="38100" dist="38100" dir="2700000" algn="tl">
                    <a:srgbClr val="C0C0C0"/>
                  </a:outerShdw>
                </a:effectLst>
                <a:cs typeface="Times New Roman" pitchFamily="18" charset="0"/>
              </a:rPr>
              <a:t>Теперь подается один сигнал гражданской обороны «Внимание всем!», который сопровождается включением сирен, прерывистыми гудками с последующей речевой информацией о сложившейся ситуации и порядке действий.</a:t>
            </a:r>
            <a:r>
              <a:rPr lang="ru-RU" b="1" dirty="0">
                <a:effectLst>
                  <a:outerShdw blurRad="38100" dist="38100" dir="2700000" algn="tl">
                    <a:srgbClr val="C0C0C0"/>
                  </a:outerShdw>
                </a:effectLst>
                <a:cs typeface="Times New Roman" pitchFamily="18" charset="0"/>
              </a:rPr>
              <a:t> 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3" descr="https://87.mchs.gov.ru/uploads/resize_cache/news/2020-08-02/deystviya-naseleniya-po-signalam-opoveshcheniya-grazhdanskoy-oborony_159633235866025285__2000x2000.jpg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142844" y="1142985"/>
            <a:ext cx="8858250" cy="5357850"/>
          </a:xfrm>
          <a:prstGeom prst="rect">
            <a:avLst/>
          </a:prstGeom>
          <a:noFill/>
          <a:ln>
            <a:solidFill>
              <a:schemeClr val="accent6"/>
            </a:solidFill>
          </a:ln>
        </p:spPr>
      </p:pic>
      <p:sp>
        <p:nvSpPr>
          <p:cNvPr id="8" name="Rectangle 1"/>
          <p:cNvSpPr>
            <a:spLocks noChangeArrowheads="1"/>
          </p:cNvSpPr>
          <p:nvPr/>
        </p:nvSpPr>
        <p:spPr bwMode="auto">
          <a:xfrm>
            <a:off x="0" y="357166"/>
            <a:ext cx="9144000" cy="707886"/>
          </a:xfrm>
          <a:prstGeom prst="rect">
            <a:avLst/>
          </a:prstGeom>
          <a:solidFill>
            <a:schemeClr val="accent3">
              <a:lumMod val="95000"/>
            </a:schemeClr>
          </a:solidFill>
          <a:ln w="9525">
            <a:noFill/>
            <a:miter lim="800000"/>
            <a:headEnd/>
            <a:tailEnd/>
          </a:ln>
          <a:effectLst>
            <a:prstShdw prst="shdw17" dist="17961" dir="2700000">
              <a:schemeClr val="accent1">
                <a:gamma/>
                <a:shade val="60000"/>
                <a:invGamma/>
              </a:schemeClr>
            </a:prstShdw>
          </a:effectLst>
        </p:spPr>
        <p:txBody>
          <a:bodyPr wrap="square" anchor="ctr">
            <a:spAutoFit/>
          </a:bodyPr>
          <a:lstStyle/>
          <a:p>
            <a:pPr algn="ctr">
              <a:defRPr/>
            </a:pPr>
            <a:r>
              <a:rPr lang="ru-RU" sz="2000" b="1" dirty="0">
                <a:effectLst>
                  <a:outerShdw blurRad="38100" dist="38100" dir="2700000" algn="tl">
                    <a:srgbClr val="C0C0C0"/>
                  </a:outerShdw>
                </a:effectLst>
                <a:cs typeface="Times New Roman" pitchFamily="18" charset="0"/>
              </a:rPr>
              <a:t>Ранее для оповещения использовались пять сигналов гражданской обороны:</a:t>
            </a:r>
            <a:endParaRPr lang="ru-RU" sz="2000" b="1" dirty="0">
              <a:solidFill>
                <a:srgbClr val="C00000"/>
              </a:solidFill>
              <a:effectLst>
                <a:outerShdw blurRad="38100" dist="38100" dir="2700000" algn="tl">
                  <a:srgbClr val="C0C0C0"/>
                </a:outerShdw>
              </a:effectLst>
            </a:endParaRPr>
          </a:p>
        </p:txBody>
      </p:sp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5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3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6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2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154625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590931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 современном мире актуальными стали чрезвычайные ситуации, вызванные новыми угрозами, среди которых риски природного, техногенного и биолого-социального характера,  в 2020 году мир столкнулся с </a:t>
            </a:r>
            <a:r>
              <a:rPr kumimoji="0" lang="ru-RU" b="1" i="0" u="none" strike="noStrike" cap="none" normalizeH="0" baseline="0" dirty="0" err="1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коронавирусной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инфекцией. Для каждой такой угрозы определять отдельный сигнал нецелесообразно, так как граждане не смогут их запомнить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 связи с этим принято решение о введении единого сигнала оповещения населения о любых опасностях и чрезвычайных ситуациях — «Внимание всем!»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ри подаче сигнала «Внимание всем!» ведомство рекомендовало внимательно прослушать информацию об алгоритме действий — ее будут транслировать по теле- и радиоканалам, а также передавать короткими текстовыми сообщениями по сети подвижной радиотелефонной связи. 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Если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человек не может получить информацию перечисленными способами, он может обратиться в единую дежурно-диспетчерскую службу муниципального образования или позвонить по единому номеру вызова экстренных оперативных служб 112.</a:t>
            </a: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/>
            </a:r>
            <a:b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</a:b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/>
            </a:r>
            <a:b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</a:b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7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3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77825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563231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истема оповещения населения включается в систему управления гражданской обороной (далее - ГО) и единой государственной системы предупреждения и ликвидации чрезвычайных ситуаций (далее - РСЧС), обеспечивающей доведение до населения, органов управления и сил ГО и РСЧС сигналов оповещения и (или) экстренной информации, и состоит из комбинации взаимодействующих элементов, состоящих из специальных программно-технических средств оповещения, средств комплексной системы экстренного оповещения населения, общероссийской комплексной системы информирования и оповещения населения в местах массового пребывания людей, громкоговорящих средств на подвижных объектах, мобильных и носимых средств оповещения, а также обеспечивающих ее функционирование каналов, линий связи и сетей передачи данных единой сети электросвязи Российской Федерации. 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ледует помнить, что все сигналы ГО и действия к ним содержатся в текстовом сообщении, которое включается сразу после звукового оповещения. В нем содержится вся важная информация и руководство к дальнейшим действиям, включая возможную эвакуацию. От того насколько четко, верно вы будете исполнять рекомендации зависит жизнь и здоровье вас и ваших близких, родных людей.       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8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8001056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</a:t>
            </a:r>
            <a:r>
              <a:rPr lang="ru-RU" b="1" cap="all" spc="-10" dirty="0" smtClean="0">
                <a:solidFill>
                  <a:srgbClr val="C00000"/>
                </a:solidFill>
                <a:latin typeface="Roboto" pitchFamily="2" charset="0"/>
                <a:ea typeface="Roboto" pitchFamily="2" charset="0"/>
                <a:cs typeface="Roboto Medium"/>
              </a:rPr>
              <a:t>контрольные  вопросы  к  теме   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rgbClr val="C00000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8193" name="Rectangle 1"/>
          <p:cNvSpPr>
            <a:spLocks noChangeArrowheads="1"/>
          </p:cNvSpPr>
          <p:nvPr/>
        </p:nvSpPr>
        <p:spPr bwMode="auto">
          <a:xfrm>
            <a:off x="214282" y="1071546"/>
            <a:ext cx="8715436" cy="440120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228600" algn="l"/>
              </a:tabLst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опрос 1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орядок создания КСЭОН утвержден: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228600" algn="l"/>
              </a:tabLst>
            </a:pP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228600" algn="l"/>
              </a:tabLst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арианты ответа: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tabLst>
                <a:tab pos="228600" algn="l"/>
              </a:tabLst>
            </a:pPr>
            <a:r>
              <a:rPr lang="ru-RU" sz="2000" b="1" dirty="0" smtClean="0">
                <a:solidFill>
                  <a:schemeClr val="tx1"/>
                </a:solidFill>
                <a:latin typeface="Arial" pitchFamily="34" charset="0"/>
                <a:ea typeface="Times New Roman" pitchFamily="18" charset="0"/>
                <a:cs typeface="Arial" pitchFamily="34" charset="0"/>
              </a:rPr>
              <a:t>1. </a:t>
            </a: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Приказом МЧС России и Министерства цифрового развития, связи и массовых коммуникаций РФ от 31.07.2020 г. № 578/365 «Об утверждении Положения о системах оповещения населения»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tabLst>
                <a:tab pos="228600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2. Постановлением Правительства РФ от 30.12.2003г. № 794 «О единой государственной системе предупреждения и ликвидации чрезвычайных ситуаций»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tabLst>
                <a:tab pos="228600" algn="l"/>
              </a:tabLst>
            </a:pPr>
            <a:r>
              <a:rPr kumimoji="0" lang="ru-RU" sz="2000" b="1" i="0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3. Указом Президента от 13.11.2012 г. N 1522 «О создании комплексной системы экстренного оповещения населения об угрозе возникновения или о возникновении чрезвычайных ситуаций».</a:t>
            </a:r>
            <a:endParaRPr kumimoji="0" lang="ru-RU" sz="2000" b="1" i="0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mph" presetSubtype="0" fill="hold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4000"/>
                                  </p:iterate>
                                  <p:childTnLst>
                                    <p:set>
                                      <p:cBhvr override="childStyle">
                                        <p:cTn id="6" dur="500" fill="hold"/>
                                        <p:tgtEl>
                                          <p:spTgt spid="819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7" dur="500" fill="hold"/>
                                        <p:tgtEl>
                                          <p:spTgt spid="819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8" dur="500" fill="hold"/>
                                        <p:tgtEl>
                                          <p:spTgt spid="819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39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6145" name="Rectangle 1"/>
          <p:cNvSpPr>
            <a:spLocks noChangeArrowheads="1"/>
          </p:cNvSpPr>
          <p:nvPr/>
        </p:nvSpPr>
        <p:spPr bwMode="auto">
          <a:xfrm>
            <a:off x="214282" y="928670"/>
            <a:ext cx="8715436" cy="378565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1260475" algn="l"/>
              </a:tabLst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опрос 2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1260475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Какие организации создают  локальные системы оповещения?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1260475" algn="l"/>
              </a:tabLst>
            </a:pP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1260475" algn="l"/>
              </a:tabLst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арианты ответа: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1260475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1. Организации, эксплуатирующие опасные производственные объекты I и II классов опасности;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1260475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2. Объекты, последствия аварий на которых могут причинять вред жизни и здоровью населения, проживающего или осуществляющего хозяйственную деятельность в зонах воздействия поражающих факторов за пределами их территорий;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1260475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3.  Гидротехнические сооружения высокой опасности;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>
                <a:tab pos="1260475" algn="l"/>
              </a:tabLst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4.  </a:t>
            </a:r>
            <a:r>
              <a:rPr kumimoji="0" lang="ru-RU" sz="2000" b="1" i="0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о  всех  вышеперечисленных  случаях.</a:t>
            </a:r>
            <a:endParaRPr kumimoji="0" lang="ru-RU" sz="2000" b="1" i="0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sp>
        <p:nvSpPr>
          <p:cNvPr id="8" name="object 8"/>
          <p:cNvSpPr txBox="1">
            <a:spLocks/>
          </p:cNvSpPr>
          <p:nvPr/>
        </p:nvSpPr>
        <p:spPr>
          <a:xfrm>
            <a:off x="214282" y="0"/>
            <a:ext cx="8001056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</a:t>
            </a:r>
            <a:r>
              <a:rPr lang="ru-RU" b="1" cap="all" spc="-10" dirty="0" smtClean="0">
                <a:solidFill>
                  <a:srgbClr val="C00000"/>
                </a:solidFill>
                <a:latin typeface="Roboto" pitchFamily="2" charset="0"/>
                <a:ea typeface="Roboto" pitchFamily="2" charset="0"/>
                <a:cs typeface="Roboto Medium"/>
              </a:rPr>
              <a:t>контрольные  вопросы  к  теме  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rgbClr val="C00000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mph" presetSubtype="0" fill="hold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4000"/>
                                  </p:iterate>
                                  <p:childTnLst>
                                    <p:set>
                                      <p:cBhvr override="childStyle">
                                        <p:cTn id="6" dur="500" fill="hold"/>
                                        <p:tgtEl>
                                          <p:spTgt spid="614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7" dur="500" fill="hold"/>
                                        <p:tgtEl>
                                          <p:spTgt spid="614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8" dur="500" fill="hold"/>
                                        <p:tgtEl>
                                          <p:spTgt spid="614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 txBox="1">
            <a:spLocks noGrp="1"/>
          </p:cNvSpPr>
          <p:nvPr>
            <p:ph type="title"/>
          </p:nvPr>
        </p:nvSpPr>
        <p:spPr>
          <a:xfrm>
            <a:off x="242323" y="35678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>
              <a:spcBef>
                <a:spcPts val="53"/>
              </a:spcBef>
            </a:pPr>
            <a:r>
              <a:rPr lang="ru-RU" b="1" cap="all" spc="-10" dirty="0">
                <a:latin typeface="Arial" pitchFamily="34" charset="0"/>
                <a:ea typeface="Roboto" pitchFamily="2" charset="0"/>
                <a:cs typeface="Arial" pitchFamily="34" charset="0"/>
              </a:rPr>
              <a:t>Содержание</a:t>
            </a:r>
            <a:endParaRPr b="1" cap="all" spc="-10" dirty="0">
              <a:latin typeface="Arial" pitchFamily="34" charset="0"/>
              <a:ea typeface="Roboto" pitchFamily="2" charset="0"/>
              <a:cs typeface="Arial" pitchFamily="34" charset="0"/>
            </a:endParaRPr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4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19" name="Прямоугольник 18"/>
          <p:cNvSpPr/>
          <p:nvPr/>
        </p:nvSpPr>
        <p:spPr>
          <a:xfrm>
            <a:off x="138752" y="1214422"/>
            <a:ext cx="8915400" cy="4109675"/>
          </a:xfrm>
          <a:prstGeom prst="rect">
            <a:avLst/>
          </a:prstGeom>
        </p:spPr>
        <p:txBody>
          <a:bodyPr wrap="square" lIns="46570" tIns="23285" rIns="46570" bIns="23285">
            <a:spAutoFit/>
          </a:bodyPr>
          <a:lstStyle/>
          <a:p>
            <a:pPr marL="712788" indent="-712788" defTabSz="901700"/>
            <a:r>
              <a:rPr lang="ru-RU" sz="2400" b="1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Arial" pitchFamily="34" charset="0"/>
                <a:ea typeface="Roboto Medium" pitchFamily="2" charset="0"/>
                <a:cs typeface="Arial" pitchFamily="34" charset="0"/>
              </a:rPr>
              <a:t>1.1.1 </a:t>
            </a:r>
            <a:r>
              <a:rPr lang="ru-RU" sz="2400" b="1" dirty="0" smtClean="0">
                <a:solidFill>
                  <a:srgbClr val="C00000"/>
                </a:solidFill>
                <a:latin typeface="Arial" pitchFamily="34" charset="0"/>
                <a:ea typeface="Roboto Medium" pitchFamily="2" charset="0"/>
                <a:cs typeface="Arial" pitchFamily="34" charset="0"/>
              </a:rPr>
              <a:t>Вопрос 1</a:t>
            </a:r>
            <a:r>
              <a:rPr lang="ru-RU" sz="2400" b="1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Arial" pitchFamily="34" charset="0"/>
                <a:ea typeface="Roboto Medium" pitchFamily="2" charset="0"/>
                <a:cs typeface="Arial" pitchFamily="34" charset="0"/>
              </a:rPr>
              <a:t> </a:t>
            </a:r>
            <a:r>
              <a:rPr lang="ru-RU" sz="2400" b="1" dirty="0"/>
              <a:t>«Система оповещения и информирования населения Липецкой области при чрезвычайных </a:t>
            </a:r>
            <a:r>
              <a:rPr lang="ru-RU" sz="2400" b="1" dirty="0" smtClean="0"/>
              <a:t>ситуациях</a:t>
            </a:r>
            <a:r>
              <a:rPr lang="ru-RU" sz="2400" b="1" dirty="0" smtClean="0"/>
              <a:t>».</a:t>
            </a:r>
            <a:endParaRPr lang="ru-RU" sz="2400" b="1" dirty="0" smtClean="0">
              <a:solidFill>
                <a:schemeClr val="tx1">
                  <a:lumMod val="95000"/>
                  <a:lumOff val="5000"/>
                </a:schemeClr>
              </a:solidFill>
              <a:latin typeface="Arial" pitchFamily="34" charset="0"/>
              <a:ea typeface="Roboto Medium" pitchFamily="2" charset="0"/>
              <a:cs typeface="Arial" pitchFamily="34" charset="0"/>
            </a:endParaRPr>
          </a:p>
          <a:p>
            <a:pPr defTabSz="901700"/>
            <a:endParaRPr lang="ru-RU" sz="2400" b="1" dirty="0" smtClean="0">
              <a:solidFill>
                <a:schemeClr val="tx1">
                  <a:lumMod val="95000"/>
                  <a:lumOff val="5000"/>
                </a:schemeClr>
              </a:solidFill>
              <a:latin typeface="Arial" pitchFamily="34" charset="0"/>
              <a:ea typeface="Roboto Medium" pitchFamily="2" charset="0"/>
              <a:cs typeface="Arial" pitchFamily="34" charset="0"/>
            </a:endParaRPr>
          </a:p>
          <a:p>
            <a:pPr marL="723900" indent="-723900" defTabSz="901700"/>
            <a:r>
              <a:rPr lang="ru-RU" sz="2400" b="1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Arial" pitchFamily="34" charset="0"/>
                <a:ea typeface="Roboto Medium" pitchFamily="2" charset="0"/>
                <a:cs typeface="Arial" pitchFamily="34" charset="0"/>
              </a:rPr>
              <a:t>1.1.2 </a:t>
            </a:r>
            <a:r>
              <a:rPr lang="ru-RU" sz="2400" b="1" dirty="0" smtClean="0">
                <a:solidFill>
                  <a:srgbClr val="C00000"/>
                </a:solidFill>
                <a:latin typeface="Arial" pitchFamily="34" charset="0"/>
                <a:ea typeface="Roboto Medium" pitchFamily="2" charset="0"/>
                <a:cs typeface="Arial" pitchFamily="34" charset="0"/>
              </a:rPr>
              <a:t>Вопрос 2</a:t>
            </a:r>
            <a:r>
              <a:rPr lang="ru-RU" sz="2400" b="1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Arial" pitchFamily="34" charset="0"/>
                <a:ea typeface="Roboto Medium" pitchFamily="2" charset="0"/>
                <a:cs typeface="Arial" pitchFamily="34" charset="0"/>
              </a:rPr>
              <a:t> </a:t>
            </a:r>
            <a:r>
              <a:rPr lang="ru-RU" sz="2400" b="1" dirty="0"/>
              <a:t>«Действия должностных лиц ГО и РСЧС по организации оповещения работников объекта (населения) по </a:t>
            </a:r>
            <a:r>
              <a:rPr lang="ru-RU" sz="2400" b="1" dirty="0" smtClean="0"/>
              <a:t>сигналу </a:t>
            </a:r>
            <a:r>
              <a:rPr lang="ru-RU" sz="2400" b="1" dirty="0"/>
              <a:t>ГО</a:t>
            </a:r>
            <a:r>
              <a:rPr lang="ru-RU" sz="2400" b="1" dirty="0" smtClean="0"/>
              <a:t>».</a:t>
            </a:r>
            <a:endParaRPr lang="ru-RU" sz="2400" b="1" dirty="0" smtClean="0">
              <a:solidFill>
                <a:schemeClr val="tx1">
                  <a:lumMod val="95000"/>
                  <a:lumOff val="5000"/>
                </a:schemeClr>
              </a:solidFill>
              <a:latin typeface="Arial" pitchFamily="34" charset="0"/>
              <a:ea typeface="Roboto Medium" pitchFamily="2" charset="0"/>
              <a:cs typeface="Arial" pitchFamily="34" charset="0"/>
            </a:endParaRPr>
          </a:p>
          <a:p>
            <a:pPr defTabSz="901700"/>
            <a:endParaRPr lang="ru-RU" sz="2400" b="1" dirty="0" smtClean="0">
              <a:solidFill>
                <a:schemeClr val="tx1">
                  <a:lumMod val="95000"/>
                  <a:lumOff val="5000"/>
                </a:schemeClr>
              </a:solidFill>
              <a:latin typeface="Arial" pitchFamily="34" charset="0"/>
              <a:ea typeface="Roboto Medium" pitchFamily="2" charset="0"/>
              <a:cs typeface="Arial" pitchFamily="34" charset="0"/>
            </a:endParaRPr>
          </a:p>
          <a:p>
            <a:pPr marL="723900" indent="-723900" defTabSz="901700"/>
            <a:r>
              <a:rPr lang="ru-RU" sz="2400" b="1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Arial" pitchFamily="34" charset="0"/>
                <a:ea typeface="Roboto Medium" pitchFamily="2" charset="0"/>
                <a:cs typeface="Arial" pitchFamily="34" charset="0"/>
              </a:rPr>
              <a:t>1.1.3 </a:t>
            </a:r>
            <a:r>
              <a:rPr lang="ru-RU" sz="2400" b="1" dirty="0" smtClean="0">
                <a:solidFill>
                  <a:srgbClr val="C00000"/>
                </a:solidFill>
                <a:latin typeface="Arial" pitchFamily="34" charset="0"/>
                <a:ea typeface="Roboto Medium" pitchFamily="2" charset="0"/>
                <a:cs typeface="Arial" pitchFamily="34" charset="0"/>
              </a:rPr>
              <a:t>Вопрос 3</a:t>
            </a:r>
            <a:r>
              <a:rPr lang="ru-RU" sz="2400" b="1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Arial" pitchFamily="34" charset="0"/>
                <a:ea typeface="Roboto Medium" pitchFamily="2" charset="0"/>
                <a:cs typeface="Arial" pitchFamily="34" charset="0"/>
              </a:rPr>
              <a:t> </a:t>
            </a:r>
            <a:r>
              <a:rPr lang="ru-RU" sz="2400" b="1" dirty="0"/>
              <a:t>«Действия населения по </a:t>
            </a:r>
            <a:r>
              <a:rPr lang="ru-RU" sz="2400" b="1" dirty="0" smtClean="0"/>
              <a:t>сигналу </a:t>
            </a:r>
            <a:r>
              <a:rPr lang="ru-RU" sz="2400" b="1" dirty="0"/>
              <a:t>оповещения</a:t>
            </a:r>
            <a:r>
              <a:rPr lang="ru-RU" sz="2400" b="1" dirty="0" smtClean="0"/>
              <a:t>».</a:t>
            </a:r>
            <a:endParaRPr lang="ru-RU" sz="2400" b="1" dirty="0" smtClean="0">
              <a:solidFill>
                <a:schemeClr val="tx1">
                  <a:lumMod val="95000"/>
                  <a:lumOff val="5000"/>
                </a:schemeClr>
              </a:solidFill>
              <a:latin typeface="Arial" pitchFamily="34" charset="0"/>
              <a:ea typeface="Roboto Medium" pitchFamily="2" charset="0"/>
              <a:cs typeface="Arial" pitchFamily="34" charset="0"/>
            </a:endParaRPr>
          </a:p>
          <a:p>
            <a:pPr defTabSz="901700"/>
            <a:endParaRPr lang="ru-RU" sz="2400" dirty="0" smtClean="0">
              <a:solidFill>
                <a:schemeClr val="tx1">
                  <a:lumMod val="95000"/>
                  <a:lumOff val="5000"/>
                </a:schemeClr>
              </a:solidFill>
              <a:latin typeface="Arial" pitchFamily="34" charset="0"/>
              <a:ea typeface="Roboto Medium" pitchFamily="2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7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" grpId="0"/>
    </p:bld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40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13" name="object 8"/>
          <p:cNvSpPr txBox="1">
            <a:spLocks/>
          </p:cNvSpPr>
          <p:nvPr/>
        </p:nvSpPr>
        <p:spPr>
          <a:xfrm>
            <a:off x="214282" y="0"/>
            <a:ext cx="8001056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</a:t>
            </a:r>
            <a:r>
              <a:rPr lang="ru-RU" b="1" cap="all" spc="-10" dirty="0" smtClean="0">
                <a:solidFill>
                  <a:srgbClr val="C00000"/>
                </a:solidFill>
                <a:latin typeface="Roboto" pitchFamily="2" charset="0"/>
                <a:ea typeface="Roboto" pitchFamily="2" charset="0"/>
                <a:cs typeface="Roboto Medium"/>
              </a:rPr>
              <a:t>контрольные  вопросы  к  теме  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rgbClr val="C00000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97281" name="Rectangle 1"/>
          <p:cNvSpPr>
            <a:spLocks noChangeArrowheads="1"/>
          </p:cNvSpPr>
          <p:nvPr/>
        </p:nvSpPr>
        <p:spPr bwMode="auto">
          <a:xfrm>
            <a:off x="214282" y="1214422"/>
            <a:ext cx="8715436" cy="286232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опрос 3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Какой режим функционирования является основным для локальных систем оповещения и комплексной системы экстренного оповещения населения (КСЭОН)?</a:t>
            </a: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арианты ответа: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1.</a:t>
            </a:r>
            <a:r>
              <a:rPr kumimoji="0" lang="ru-RU" sz="2000" b="1" i="0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Автоматический;</a:t>
            </a:r>
            <a:r>
              <a:rPr kumimoji="0" lang="ru-RU" sz="2000" b="1" i="0" u="sng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</a:t>
            </a:r>
            <a:endParaRPr kumimoji="0" lang="ru-RU" sz="2000" b="1" i="0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2. Автоматизированный;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3. Ручной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mph" presetSubtype="0" fill="hold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4000"/>
                                  </p:iterate>
                                  <p:childTnLst>
                                    <p:set>
                                      <p:cBhvr override="childStyle">
                                        <p:cTn id="6" dur="500" fill="hold"/>
                                        <p:tgtEl>
                                          <p:spTgt spid="9728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7" dur="500" fill="hold"/>
                                        <p:tgtEl>
                                          <p:spTgt spid="9728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8" dur="500" fill="hold"/>
                                        <p:tgtEl>
                                          <p:spTgt spid="9728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41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8" name="object 8"/>
          <p:cNvSpPr txBox="1">
            <a:spLocks/>
          </p:cNvSpPr>
          <p:nvPr/>
        </p:nvSpPr>
        <p:spPr>
          <a:xfrm>
            <a:off x="214282" y="0"/>
            <a:ext cx="8001056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</a:t>
            </a:r>
            <a:r>
              <a:rPr lang="ru-RU" b="1" cap="all" spc="-10" dirty="0" smtClean="0">
                <a:solidFill>
                  <a:srgbClr val="C00000"/>
                </a:solidFill>
                <a:latin typeface="Roboto" pitchFamily="2" charset="0"/>
                <a:ea typeface="Roboto" pitchFamily="2" charset="0"/>
                <a:cs typeface="Roboto Medium"/>
              </a:rPr>
              <a:t>контрольные  вопросы  к  теме   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rgbClr val="C00000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95233" name="Rectangle 1"/>
          <p:cNvSpPr>
            <a:spLocks noChangeArrowheads="1"/>
          </p:cNvSpPr>
          <p:nvPr/>
        </p:nvSpPr>
        <p:spPr bwMode="auto">
          <a:xfrm>
            <a:off x="214282" y="1071546"/>
            <a:ext cx="8715436" cy="255454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опрос 4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Какой режим функционирования является основным для региональных и муниципальных систем оповещения?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арианты ответа: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1. Автоматический;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2</a:t>
            </a:r>
            <a:r>
              <a:rPr kumimoji="0" lang="ru-RU" sz="2000" b="1" i="0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. Автоматизированный;</a:t>
            </a:r>
            <a:endParaRPr kumimoji="0" lang="ru-RU" sz="2000" b="1" i="0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3. Ручной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mph" presetSubtype="0" fill="hold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4000"/>
                                  </p:iterate>
                                  <p:childTnLst>
                                    <p:set>
                                      <p:cBhvr override="childStyle">
                                        <p:cTn id="6" dur="500" fill="hold"/>
                                        <p:tgtEl>
                                          <p:spTgt spid="9523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7" dur="500" fill="hold"/>
                                        <p:tgtEl>
                                          <p:spTgt spid="9523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8" dur="500" fill="hold"/>
                                        <p:tgtEl>
                                          <p:spTgt spid="9523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42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13" name="object 8"/>
          <p:cNvSpPr txBox="1">
            <a:spLocks/>
          </p:cNvSpPr>
          <p:nvPr/>
        </p:nvSpPr>
        <p:spPr>
          <a:xfrm>
            <a:off x="214282" y="0"/>
            <a:ext cx="8001056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</a:t>
            </a:r>
            <a:r>
              <a:rPr lang="ru-RU" b="1" cap="all" spc="-10" dirty="0" smtClean="0">
                <a:solidFill>
                  <a:srgbClr val="C00000"/>
                </a:solidFill>
                <a:latin typeface="Roboto" pitchFamily="2" charset="0"/>
                <a:ea typeface="Roboto" pitchFamily="2" charset="0"/>
                <a:cs typeface="Roboto Medium"/>
              </a:rPr>
              <a:t>контрольные  вопросы  к  теме   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rgbClr val="C00000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4097" name="Rectangle 1"/>
          <p:cNvSpPr>
            <a:spLocks noChangeArrowheads="1"/>
          </p:cNvSpPr>
          <p:nvPr/>
        </p:nvSpPr>
        <p:spPr bwMode="auto">
          <a:xfrm>
            <a:off x="214282" y="1071546"/>
            <a:ext cx="8715436" cy="317009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l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опрос 5.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Информация документирования выполнения техническими средствами оповещения действий в ходе оповещения населения  на бумажном и электронном  носителях хранится:</a:t>
            </a: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1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арианты ответа: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rgbClr val="C00000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1.  не менее года;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2.  не менее двух лет;</a:t>
            </a: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sz="2000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3</a:t>
            </a:r>
            <a:r>
              <a:rPr kumimoji="0" lang="ru-RU" sz="2000" b="1" i="0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.  не менее трех лет.</a:t>
            </a:r>
            <a:endParaRPr kumimoji="0" lang="ru-RU" sz="2000" b="1" i="0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l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ru-RU" sz="2000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6" presetClass="emph" presetSubtype="0" fill="hold" nodeType="clickEffect">
                                  <p:stCondLst>
                                    <p:cond delay="0"/>
                                  </p:stCondLst>
                                  <p:iterate type="lt">
                                    <p:tmPct val="4000"/>
                                  </p:iterate>
                                  <p:childTnLst>
                                    <p:set>
                                      <p:cBhvr override="childStyle">
                                        <p:cTn id="6" dur="500" fill="hold"/>
                                        <p:tgtEl>
                                          <p:spTgt spid="409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7" dur="500" fill="hold"/>
                                        <p:tgtEl>
                                          <p:spTgt spid="409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fillcolor</p:attrName>
                                        </p:attrNameLst>
                                      </p:cBhvr>
                                      <p:to>
                                        <p:clrVal>
                                          <a:srgbClr val="EB07AA"/>
                                        </p:clrVal>
                                      </p:to>
                                    </p:set>
                                    <p:set>
                                      <p:cBhvr>
                                        <p:cTn id="8" dur="500" fill="hold"/>
                                        <p:tgtEl>
                                          <p:spTgt spid="409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fill.type</p:attrName>
                                        </p:attrNameLst>
                                      </p:cBhvr>
                                      <p:to>
                                        <p:strVal val="solid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bg>
      <p:bgPr>
        <a:blipFill dpi="0" rotWithShape="1">
          <a:blip r:embed="rId4" cstate="print">
            <a:lum/>
          </a:blip>
          <a:srcRect/>
          <a:stretch>
            <a:fillRect t="-2000" b="-2000"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object 7"/>
          <p:cNvSpPr/>
          <p:nvPr/>
        </p:nvSpPr>
        <p:spPr>
          <a:xfrm flipV="1">
            <a:off x="4585447" y="377437"/>
            <a:ext cx="4572000" cy="45719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 txBox="1">
            <a:spLocks noGrp="1"/>
          </p:cNvSpPr>
          <p:nvPr>
            <p:ph type="title"/>
          </p:nvPr>
        </p:nvSpPr>
        <p:spPr>
          <a:xfrm>
            <a:off x="4724400" y="76100"/>
            <a:ext cx="4419600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>
              <a:spcBef>
                <a:spcPts val="53"/>
              </a:spcBef>
            </a:pPr>
            <a:r>
              <a:rPr lang="ru-RU" cap="all" spc="-10" dirty="0">
                <a:latin typeface="Roboto" pitchFamily="2" charset="0"/>
                <a:ea typeface="Roboto" pitchFamily="2" charset="0"/>
              </a:rPr>
              <a:t>Спасибо за внимание !</a:t>
            </a:r>
            <a:endParaRPr cap="all" spc="-10" dirty="0">
              <a:latin typeface="Roboto" pitchFamily="2" charset="0"/>
              <a:ea typeface="Roboto" pitchFamily="2" charset="0"/>
            </a:endParaRPr>
          </a:p>
        </p:txBody>
      </p:sp>
      <p:sp>
        <p:nvSpPr>
          <p:cNvPr id="16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0" y="6526064"/>
            <a:ext cx="605119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43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Прямоугольник 8"/>
          <p:cNvSpPr/>
          <p:nvPr/>
        </p:nvSpPr>
        <p:spPr>
          <a:xfrm>
            <a:off x="221313" y="1331712"/>
            <a:ext cx="4182874" cy="4194576"/>
          </a:xfrm>
          <a:prstGeom prst="rect">
            <a:avLst/>
          </a:prstGeom>
          <a:noFill/>
          <a:ln w="50800" cap="sq" cmpd="dbl">
            <a:solidFill>
              <a:schemeClr val="tx1"/>
            </a:solidFill>
            <a:miter lim="800000"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46570" tIns="23285" rIns="46570" bIns="23285" anchor="ctr"/>
          <a:lstStyle/>
          <a:p>
            <a:pPr algn="ctr">
              <a:defRPr/>
            </a:pPr>
            <a:endParaRPr lang="ru-RU" sz="3600" dirty="0">
              <a:solidFill>
                <a:schemeClr val="tx1"/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12" name="Прямоугольник 5"/>
          <p:cNvSpPr>
            <a:spLocks noChangeArrowheads="1"/>
          </p:cNvSpPr>
          <p:nvPr/>
        </p:nvSpPr>
        <p:spPr bwMode="auto">
          <a:xfrm>
            <a:off x="285783" y="2005121"/>
            <a:ext cx="4121980" cy="334023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square" lIns="46570" tIns="23285" rIns="46570" bIns="23285">
            <a:spAutoFit/>
          </a:bodyPr>
          <a:lstStyle>
            <a:lvl1pPr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algn="l">
              <a:lnSpc>
                <a:spcPct val="150000"/>
              </a:lnSpc>
              <a:spcAft>
                <a:spcPts val="611"/>
              </a:spcAft>
            </a:pPr>
            <a:r>
              <a:rPr lang="ru-RU" altLang="ru-RU" sz="18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Телефоны:</a:t>
            </a:r>
          </a:p>
          <a:p>
            <a:pPr algn="l">
              <a:lnSpc>
                <a:spcPct val="150000"/>
              </a:lnSpc>
              <a:spcAft>
                <a:spcPts val="611"/>
              </a:spcAft>
            </a:pPr>
            <a:r>
              <a:rPr lang="ru-RU" altLang="ru-RU" sz="18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+ </a:t>
            </a:r>
            <a:r>
              <a:rPr lang="ru-RU" altLang="ru-RU" sz="1800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7 (4742) </a:t>
            </a:r>
            <a:r>
              <a:rPr lang="ru-RU" altLang="ru-RU" sz="18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33-65-72</a:t>
            </a:r>
          </a:p>
          <a:p>
            <a:pPr algn="l">
              <a:lnSpc>
                <a:spcPct val="150000"/>
              </a:lnSpc>
              <a:spcAft>
                <a:spcPts val="611"/>
              </a:spcAft>
            </a:pPr>
            <a:r>
              <a:rPr lang="ru-RU" altLang="ru-RU" sz="1800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+ 7 (4742) </a:t>
            </a:r>
            <a:r>
              <a:rPr lang="ru-RU" altLang="ru-RU" sz="18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33-65-86</a:t>
            </a:r>
            <a:endParaRPr lang="ru-RU" altLang="ru-RU" sz="1800" dirty="0">
              <a:solidFill>
                <a:schemeClr val="tx1">
                  <a:lumMod val="95000"/>
                  <a:lumOff val="5000"/>
                </a:schemeClr>
              </a:solidFill>
              <a:latin typeface="Roboto Medium" pitchFamily="2" charset="0"/>
              <a:ea typeface="Roboto Medium" pitchFamily="2" charset="0"/>
            </a:endParaRPr>
          </a:p>
          <a:p>
            <a:pPr algn="l">
              <a:lnSpc>
                <a:spcPct val="150000"/>
              </a:lnSpc>
              <a:spcAft>
                <a:spcPts val="611"/>
              </a:spcAft>
            </a:pPr>
            <a:r>
              <a:rPr lang="en-US" sz="1800" dirty="0" smtClean="0">
                <a:latin typeface="Roboto Medium" pitchFamily="2" charset="0"/>
                <a:ea typeface="Roboto Medium" pitchFamily="2" charset="0"/>
              </a:rPr>
              <a:t>E-mail</a:t>
            </a:r>
            <a:r>
              <a:rPr lang="en-US" sz="1800" dirty="0">
                <a:latin typeface="Roboto Medium" pitchFamily="2" charset="0"/>
                <a:ea typeface="Roboto Medium" pitchFamily="2" charset="0"/>
              </a:rPr>
              <a:t>:</a:t>
            </a:r>
            <a:r>
              <a:rPr lang="ru-RU" sz="1800" dirty="0">
                <a:latin typeface="Roboto Medium" pitchFamily="2" charset="0"/>
                <a:ea typeface="Roboto Medium" pitchFamily="2" charset="0"/>
              </a:rPr>
              <a:t> </a:t>
            </a:r>
            <a:r>
              <a:rPr lang="en-US" sz="1800" dirty="0" smtClean="0">
                <a:latin typeface="Roboto Medium" pitchFamily="2" charset="0"/>
                <a:ea typeface="Roboto Medium" pitchFamily="2" charset="0"/>
              </a:rPr>
              <a:t>prepod48@mail.ru</a:t>
            </a:r>
            <a:endParaRPr lang="ru-RU" sz="1800" dirty="0" smtClean="0">
              <a:latin typeface="Roboto Medium" pitchFamily="2" charset="0"/>
              <a:ea typeface="Roboto Medium" pitchFamily="2" charset="0"/>
            </a:endParaRPr>
          </a:p>
          <a:p>
            <a:pPr algn="l">
              <a:lnSpc>
                <a:spcPct val="150000"/>
              </a:lnSpc>
              <a:spcAft>
                <a:spcPts val="611"/>
              </a:spcAft>
            </a:pPr>
            <a:r>
              <a:rPr lang="en-US" sz="1800" dirty="0">
                <a:latin typeface="Roboto Medium" pitchFamily="2" charset="0"/>
                <a:ea typeface="Roboto Medium" pitchFamily="2" charset="0"/>
                <a:hlinkClick r:id="rId5"/>
              </a:rPr>
              <a:t>http: // www.umcgochs48.ru</a:t>
            </a:r>
            <a:endParaRPr lang="en-US" sz="1800" dirty="0">
              <a:latin typeface="Roboto Medium" pitchFamily="2" charset="0"/>
              <a:ea typeface="Roboto Medium" pitchFamily="2" charset="0"/>
            </a:endParaRPr>
          </a:p>
          <a:p>
            <a:pPr>
              <a:lnSpc>
                <a:spcPct val="150000"/>
              </a:lnSpc>
            </a:pPr>
            <a:r>
              <a:rPr lang="ru-RU" altLang="ru-RU" sz="18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Россия</a:t>
            </a:r>
            <a:r>
              <a:rPr lang="ru-RU" altLang="ru-RU" sz="1800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, 398055</a:t>
            </a:r>
            <a:r>
              <a:rPr lang="ru-RU" altLang="ru-RU" sz="18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,</a:t>
            </a:r>
            <a:br>
              <a:rPr lang="ru-RU" altLang="ru-RU" sz="18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</a:br>
            <a:r>
              <a:rPr lang="ru-RU" altLang="ru-RU" sz="18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г</a:t>
            </a:r>
            <a:r>
              <a:rPr lang="ru-RU" altLang="ru-RU" sz="1800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. Липецк, ул. </a:t>
            </a:r>
            <a:r>
              <a:rPr lang="ru-RU" altLang="ru-RU" sz="1800" dirty="0" smtClean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Московская</a:t>
            </a:r>
            <a:r>
              <a:rPr lang="ru-RU" altLang="ru-RU" sz="1800" dirty="0">
                <a:solidFill>
                  <a:schemeClr val="tx1">
                    <a:lumMod val="95000"/>
                    <a:lumOff val="5000"/>
                  </a:schemeClr>
                </a:solidFill>
                <a:latin typeface="Roboto Medium" pitchFamily="2" charset="0"/>
                <a:ea typeface="Roboto Medium" pitchFamily="2" charset="0"/>
              </a:rPr>
              <a:t>, 16 </a:t>
            </a:r>
            <a:endParaRPr lang="ru-RU" altLang="ru-RU" sz="1800" dirty="0" smtClean="0">
              <a:solidFill>
                <a:schemeClr val="tx1">
                  <a:lumMod val="95000"/>
                  <a:lumOff val="5000"/>
                </a:schemeClr>
              </a:solidFill>
              <a:latin typeface="Roboto Medium" pitchFamily="2" charset="0"/>
              <a:ea typeface="Roboto Medium" pitchFamily="2" charset="0"/>
            </a:endParaRPr>
          </a:p>
        </p:txBody>
      </p:sp>
      <p:sp>
        <p:nvSpPr>
          <p:cNvPr id="13" name="Прямоугольник 11"/>
          <p:cNvSpPr>
            <a:spLocks noChangeArrowheads="1"/>
          </p:cNvSpPr>
          <p:nvPr/>
        </p:nvSpPr>
        <p:spPr bwMode="auto">
          <a:xfrm>
            <a:off x="221312" y="1514903"/>
            <a:ext cx="4182875" cy="35480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46570" tIns="23285" rIns="46570" bIns="23285">
            <a:spAutoFit/>
          </a:bodyPr>
          <a:lstStyle>
            <a:lvl1pPr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algn="ctr"/>
            <a:r>
              <a:rPr lang="ru-RU" altLang="ru-RU" sz="2000" dirty="0" smtClean="0">
                <a:latin typeface="Roboto Black" panose="02000000000000000000" pitchFamily="2" charset="0"/>
                <a:ea typeface="Roboto Black" panose="02000000000000000000" pitchFamily="2" charset="0"/>
              </a:rPr>
              <a:t>КОНТАКТЫ</a:t>
            </a:r>
            <a:endParaRPr lang="ru-RU" altLang="ru-RU" sz="2000" dirty="0">
              <a:latin typeface="Roboto Black" panose="02000000000000000000" pitchFamily="2" charset="0"/>
              <a:ea typeface="Roboto Black" panose="02000000000000000000" pitchFamily="2" charset="0"/>
            </a:endParaRPr>
          </a:p>
        </p:txBody>
      </p:sp>
      <p:sp>
        <p:nvSpPr>
          <p:cNvPr id="15" name="Прямоугольник 11"/>
          <p:cNvSpPr>
            <a:spLocks noChangeArrowheads="1"/>
          </p:cNvSpPr>
          <p:nvPr/>
        </p:nvSpPr>
        <p:spPr bwMode="auto">
          <a:xfrm>
            <a:off x="5943600" y="2140154"/>
            <a:ext cx="3172478" cy="41635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46570" tIns="23285" rIns="46570" bIns="23285">
            <a:spAutoFit/>
          </a:bodyPr>
          <a:lstStyle>
            <a:lvl1pPr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defTabSz="996950" eaLnBrk="0" fontAlgn="base" hangingPunct="0">
              <a:spcBef>
                <a:spcPct val="0"/>
              </a:spcBef>
              <a:spcAft>
                <a:spcPct val="0"/>
              </a:spcAft>
              <a:defRPr sz="19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algn="l"/>
            <a:r>
              <a:rPr lang="ru-RU" altLang="ru-RU" sz="2400" dirty="0" smtClean="0">
                <a:latin typeface="Roboto Black" panose="02000000000000000000" pitchFamily="2" charset="0"/>
                <a:ea typeface="Roboto Black" panose="02000000000000000000" pitchFamily="2" charset="0"/>
              </a:rPr>
              <a:t>УМЦ в </a:t>
            </a:r>
            <a:r>
              <a:rPr lang="ru-RU" altLang="ru-RU" sz="2400" dirty="0" err="1" smtClean="0">
                <a:latin typeface="Roboto Black" panose="02000000000000000000" pitchFamily="2" charset="0"/>
                <a:ea typeface="Roboto Black" panose="02000000000000000000" pitchFamily="2" charset="0"/>
              </a:rPr>
              <a:t>соцсетях</a:t>
            </a:r>
            <a:endParaRPr lang="ru-RU" altLang="ru-RU" sz="2400" dirty="0">
              <a:latin typeface="Roboto Black" panose="02000000000000000000" pitchFamily="2" charset="0"/>
              <a:ea typeface="Roboto Black" panose="02000000000000000000" pitchFamily="2" charset="0"/>
            </a:endParaRPr>
          </a:p>
        </p:txBody>
      </p:sp>
      <p:pic>
        <p:nvPicPr>
          <p:cNvPr id="17" name="Рисунок 16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91557" y="4498643"/>
            <a:ext cx="273177" cy="322233"/>
          </a:xfrm>
          <a:prstGeom prst="rect">
            <a:avLst/>
          </a:prstGeom>
        </p:spPr>
      </p:pic>
      <p:pic>
        <p:nvPicPr>
          <p:cNvPr id="18" name="Рисунок 17"/>
          <p:cNvPicPr>
            <a:picLocks noChangeAspect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65682" y="3384195"/>
            <a:ext cx="344596" cy="344596"/>
          </a:xfrm>
          <a:prstGeom prst="rect">
            <a:avLst/>
          </a:prstGeom>
        </p:spPr>
      </p:pic>
      <p:pic>
        <p:nvPicPr>
          <p:cNvPr id="19" name="Рисунок 18"/>
          <p:cNvPicPr>
            <a:picLocks noChangeAspect="1"/>
          </p:cNvPicPr>
          <p:nvPr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saturation sat="40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47394" y="3970171"/>
            <a:ext cx="381000" cy="303478"/>
          </a:xfrm>
          <a:prstGeom prst="rect">
            <a:avLst/>
          </a:prstGeom>
        </p:spPr>
      </p:pic>
      <p:sp>
        <p:nvSpPr>
          <p:cNvPr id="20" name="Прямоугольник 19"/>
          <p:cNvSpPr/>
          <p:nvPr/>
        </p:nvSpPr>
        <p:spPr>
          <a:xfrm>
            <a:off x="5383105" y="3374537"/>
            <a:ext cx="3595048" cy="147732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dirty="0" smtClean="0">
                <a:solidFill>
                  <a:schemeClr val="tx1"/>
                </a:solidFill>
                <a:effectLst/>
                <a:latin typeface="Roboto Medium" panose="02000000000000000000" pitchFamily="2" charset="0"/>
                <a:ea typeface="Roboto Medium" panose="02000000000000000000" pitchFamily="2" charset="0"/>
                <a:hlinkClick r:id="rId10"/>
              </a:rPr>
              <a:t>УМЦ </a:t>
            </a:r>
            <a:r>
              <a:rPr lang="ru-RU" dirty="0" smtClean="0">
                <a:solidFill>
                  <a:schemeClr val="tx1"/>
                </a:solidFill>
                <a:latin typeface="Roboto Medium" panose="02000000000000000000" pitchFamily="2" charset="0"/>
                <a:ea typeface="Roboto Medium" panose="02000000000000000000" pitchFamily="2" charset="0"/>
                <a:hlinkClick r:id="rId10"/>
              </a:rPr>
              <a:t>в </a:t>
            </a:r>
            <a:r>
              <a:rPr lang="ru-RU" dirty="0" err="1" smtClean="0">
                <a:solidFill>
                  <a:schemeClr val="tx1"/>
                </a:solidFill>
                <a:latin typeface="Roboto Medium" panose="02000000000000000000" pitchFamily="2" charset="0"/>
                <a:ea typeface="Roboto Medium" panose="02000000000000000000" pitchFamily="2" charset="0"/>
                <a:hlinkClick r:id="rId10"/>
              </a:rPr>
              <a:t>Однокласники</a:t>
            </a:r>
            <a:endParaRPr lang="ru-RU" dirty="0" smtClean="0">
              <a:solidFill>
                <a:schemeClr val="tx1"/>
              </a:solidFill>
              <a:latin typeface="Roboto Medium" panose="02000000000000000000" pitchFamily="2" charset="0"/>
              <a:ea typeface="Roboto Medium" panose="02000000000000000000" pitchFamily="2" charset="0"/>
            </a:endParaRPr>
          </a:p>
          <a:p>
            <a:endParaRPr lang="ru-RU" dirty="0">
              <a:solidFill>
                <a:schemeClr val="tx1"/>
              </a:solidFill>
              <a:latin typeface="Roboto Medium" panose="02000000000000000000" pitchFamily="2" charset="0"/>
              <a:ea typeface="Roboto Medium" panose="02000000000000000000" pitchFamily="2" charset="0"/>
            </a:endParaRPr>
          </a:p>
          <a:p>
            <a:r>
              <a:rPr lang="ru-RU" dirty="0" smtClean="0">
                <a:solidFill>
                  <a:schemeClr val="tx1"/>
                </a:solidFill>
                <a:latin typeface="Roboto Medium" panose="02000000000000000000" pitchFamily="2" charset="0"/>
                <a:ea typeface="Roboto Medium" panose="02000000000000000000" pitchFamily="2" charset="0"/>
                <a:hlinkClick r:id="rId11"/>
              </a:rPr>
              <a:t>УМЦ </a:t>
            </a:r>
            <a:r>
              <a:rPr lang="ru-RU" dirty="0" err="1" smtClean="0">
                <a:solidFill>
                  <a:schemeClr val="tx1"/>
                </a:solidFill>
                <a:latin typeface="Roboto Medium" panose="02000000000000000000" pitchFamily="2" charset="0"/>
                <a:ea typeface="Roboto Medium" panose="02000000000000000000" pitchFamily="2" charset="0"/>
                <a:hlinkClick r:id="rId11"/>
              </a:rPr>
              <a:t>ВКонтакте</a:t>
            </a:r>
            <a:endParaRPr lang="ru-RU" dirty="0" smtClean="0">
              <a:solidFill>
                <a:schemeClr val="tx1"/>
              </a:solidFill>
              <a:latin typeface="Roboto Medium" panose="02000000000000000000" pitchFamily="2" charset="0"/>
              <a:ea typeface="Roboto Medium" panose="02000000000000000000" pitchFamily="2" charset="0"/>
            </a:endParaRPr>
          </a:p>
          <a:p>
            <a:endParaRPr lang="ru-RU" dirty="0" smtClean="0">
              <a:solidFill>
                <a:schemeClr val="tx1"/>
              </a:solidFill>
              <a:latin typeface="Roboto Medium" panose="02000000000000000000" pitchFamily="2" charset="0"/>
              <a:ea typeface="Roboto Medium" panose="02000000000000000000" pitchFamily="2" charset="0"/>
            </a:endParaRPr>
          </a:p>
          <a:p>
            <a:r>
              <a:rPr lang="ru-RU" dirty="0" smtClean="0">
                <a:solidFill>
                  <a:schemeClr val="tx1"/>
                </a:solidFill>
                <a:latin typeface="Roboto Medium" panose="02000000000000000000" pitchFamily="2" charset="0"/>
                <a:ea typeface="Roboto Medium" panose="02000000000000000000" pitchFamily="2" charset="0"/>
                <a:hlinkClick r:id="rId12"/>
              </a:rPr>
              <a:t>УМЦ в </a:t>
            </a:r>
            <a:r>
              <a:rPr lang="en-US" dirty="0" smtClean="0">
                <a:solidFill>
                  <a:schemeClr val="tx1"/>
                </a:solidFill>
                <a:latin typeface="Roboto Medium" panose="02000000000000000000" pitchFamily="2" charset="0"/>
                <a:ea typeface="Roboto Medium" panose="02000000000000000000" pitchFamily="2" charset="0"/>
                <a:hlinkClick r:id="rId12"/>
              </a:rPr>
              <a:t>Telegram</a:t>
            </a:r>
            <a:endParaRPr lang="ru-RU" dirty="0">
              <a:solidFill>
                <a:schemeClr val="tx1"/>
              </a:solidFill>
              <a:latin typeface="Roboto Medium" panose="02000000000000000000" pitchFamily="2" charset="0"/>
              <a:ea typeface="Roboto Medium" panose="02000000000000000000" pitchFamily="2" charset="0"/>
            </a:endParaRPr>
          </a:p>
        </p:txBody>
      </p:sp>
      <p:pic>
        <p:nvPicPr>
          <p:cNvPr id="14" name="Picture 2" descr="C:\Users\днс\Desktop\эмб.УМЦ.png"/>
          <p:cNvPicPr>
            <a:picLocks noChangeAspect="1" noChangeArrowheads="1"/>
          </p:cNvPicPr>
          <p:nvPr/>
        </p:nvPicPr>
        <p:blipFill>
          <a:blip r:embed="rId13" cstate="print">
            <a:extLst>
              <a:ext uri="{BEBA8EAE-BF5A-486C-A8C5-ECC9F3942E4B}">
                <a14:imgProps xmlns:a14="http://schemas.microsoft.com/office/drawing/2010/main">
                  <a14:imgLayer r:embed="rId14">
                    <a14:imgEffect>
                      <a14:colorTemperature colorTemp="4650"/>
                    </a14:imgEffect>
                    <a14:imgEffect>
                      <a14:saturation sat="130000"/>
                    </a14:imgEffect>
                    <a14:imgEffect>
                      <a14:brightnessContrast contrast="20000"/>
                    </a14:imgEffect>
                  </a14:imgLayer>
                </a14:imgProps>
              </a:ext>
            </a:extLst>
          </a:blip>
          <a:srcRect/>
          <a:stretch>
            <a:fillRect/>
          </a:stretch>
        </p:blipFill>
        <p:spPr bwMode="auto">
          <a:xfrm>
            <a:off x="4744099" y="1890394"/>
            <a:ext cx="996609" cy="96329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5321810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10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25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/>
      <p:bldP spid="20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72805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5"/>
          <p:cNvSpPr/>
          <p:nvPr/>
        </p:nvSpPr>
        <p:spPr>
          <a:xfrm>
            <a:off x="8181752" y="5957248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610600" y="6449864"/>
            <a:ext cx="501294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5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86017" name="Rectangle 1"/>
          <p:cNvSpPr>
            <a:spLocks noChangeArrowheads="1"/>
          </p:cNvSpPr>
          <p:nvPr/>
        </p:nvSpPr>
        <p:spPr bwMode="auto">
          <a:xfrm>
            <a:off x="214282" y="500042"/>
            <a:ext cx="8715436" cy="20313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rgbClr val="C00000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Оповещение населения о чрезвычайных ситуациях </a:t>
            </a: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- это доведение до населения сигналов оповещения и экстренной информации об опасностях, возникающих при угрозе возникновения или возникновении чрезвычайных ситуаций природного и техногенного характера, а также при ведении военных действий или вследствие этих действий, о правилах поведения населения и необходимости проведения мероприятий по защите. 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sp>
        <p:nvSpPr>
          <p:cNvPr id="10" name="Прямоугольник 9"/>
          <p:cNvSpPr/>
          <p:nvPr/>
        </p:nvSpPr>
        <p:spPr>
          <a:xfrm>
            <a:off x="214282" y="0"/>
            <a:ext cx="1478290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ВЕДЕНИЕ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pic>
        <p:nvPicPr>
          <p:cNvPr id="12" name="Picture 6" descr="https://r-19.ru/upload/iblock/a77/IMG_20181107_135258.jpg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1714480" y="2571744"/>
            <a:ext cx="5715000" cy="4143375"/>
          </a:xfrm>
          <a:prstGeom prst="rect">
            <a:avLst/>
          </a:prstGeom>
          <a:noFill/>
          <a:ln w="9525">
            <a:solidFill>
              <a:schemeClr val="accent2"/>
            </a:solidFill>
            <a:miter lim="800000"/>
            <a:headEnd/>
            <a:tailEnd/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1404907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72805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6" name="object 5"/>
          <p:cNvSpPr/>
          <p:nvPr/>
        </p:nvSpPr>
        <p:spPr>
          <a:xfrm>
            <a:off x="8181752" y="5957248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610600" y="6449864"/>
            <a:ext cx="501294" cy="179536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6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12" name="Прямоугольник 11"/>
          <p:cNvSpPr/>
          <p:nvPr/>
        </p:nvSpPr>
        <p:spPr>
          <a:xfrm>
            <a:off x="214282" y="0"/>
            <a:ext cx="1478290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ВВЕДЕНИЕ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sp>
        <p:nvSpPr>
          <p:cNvPr id="83969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313932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игнал оповещения является командой для проведения мероприятий по гражданской обороне и защите населения от чрезвычайных ситуаций природного и техногенного характера органами управления и силами гражданской обороны и единой государственной системы предупреждения и ликвидации чрезвычайных ситуаций, а также для применения населением средств и способов защиты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Экстренная информация о фактических и прогнозируемых опасных природных явлениях и техногенных процессах, загрязнении окружающей среды, заболеваниях, которые могут угрожать жизни или здоровью граждан, а также правилах поведения и способах защиты незамедлительно передается по системе оповещения населения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pic>
        <p:nvPicPr>
          <p:cNvPr id="83971" name="Picture 3" descr="https://news.store.rambler.ru/img/57f8657bca487341762142e80b87eb39?img-format=auto&amp;img-1-resize=height:355,fit:max&amp;img-2-filter=sharpen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1000100" y="3643314"/>
            <a:ext cx="7143800" cy="2857520"/>
          </a:xfrm>
          <a:prstGeom prst="rect">
            <a:avLst/>
          </a:prstGeom>
          <a:noFill/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40114710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77441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rgbClr val="C00000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8" name="object 8"/>
          <p:cNvSpPr txBox="1">
            <a:spLocks noGrp="1"/>
          </p:cNvSpPr>
          <p:nvPr>
            <p:ph type="title"/>
          </p:nvPr>
        </p:nvSpPr>
        <p:spPr>
          <a:xfrm>
            <a:off x="255770" y="49306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>
              <a:spcBef>
                <a:spcPts val="53"/>
              </a:spcBef>
            </a:pPr>
            <a:r>
              <a:rPr lang="ru-RU" b="1" cap="all" spc="-10" dirty="0">
                <a:latin typeface="Roboto" pitchFamily="2" charset="0"/>
                <a:ea typeface="Roboto" pitchFamily="2" charset="0"/>
              </a:rPr>
              <a:t>Вопрос 1</a:t>
            </a:r>
            <a:endParaRPr b="1" cap="all" spc="-10" dirty="0">
              <a:latin typeface="Roboto" pitchFamily="2" charset="0"/>
              <a:ea typeface="Roboto" pitchFamily="2" charset="0"/>
            </a:endParaRPr>
          </a:p>
        </p:txBody>
      </p:sp>
      <p:sp>
        <p:nvSpPr>
          <p:cNvPr id="24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14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19652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7</a:t>
            </a:fld>
            <a:endParaRPr sz="1400" spc="10" dirty="0">
              <a:solidFill>
                <a:schemeClr val="bg1"/>
              </a:solidFill>
            </a:endParaRPr>
          </a:p>
        </p:txBody>
      </p:sp>
      <p:cxnSp>
        <p:nvCxnSpPr>
          <p:cNvPr id="17" name="直接连接符 6"/>
          <p:cNvCxnSpPr/>
          <p:nvPr/>
        </p:nvCxnSpPr>
        <p:spPr>
          <a:xfrm flipV="1">
            <a:off x="1991079" y="1447802"/>
            <a:ext cx="3294" cy="1752598"/>
          </a:xfrm>
          <a:prstGeom prst="line">
            <a:avLst/>
          </a:prstGeom>
          <a:ln w="12700">
            <a:solidFill>
              <a:schemeClr val="tx1"/>
            </a:solidFill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2" name="组合 3"/>
          <p:cNvGrpSpPr/>
          <p:nvPr/>
        </p:nvGrpSpPr>
        <p:grpSpPr>
          <a:xfrm>
            <a:off x="372054" y="1522584"/>
            <a:ext cx="1440566" cy="1502464"/>
            <a:chOff x="1068965" y="491752"/>
            <a:chExt cx="1197175" cy="1197175"/>
          </a:xfrm>
        </p:grpSpPr>
        <p:grpSp>
          <p:nvGrpSpPr>
            <p:cNvPr id="3" name="组合 14"/>
            <p:cNvGrpSpPr/>
            <p:nvPr/>
          </p:nvGrpSpPr>
          <p:grpSpPr>
            <a:xfrm>
              <a:off x="1068965" y="491752"/>
              <a:ext cx="1197175" cy="1197175"/>
              <a:chOff x="304800" y="673100"/>
              <a:chExt cx="4000500" cy="4000500"/>
            </a:xfrm>
            <a:effectLst>
              <a:outerShdw blurRad="444500" dist="254000" dir="8100000" algn="tr" rotWithShape="0">
                <a:prstClr val="black">
                  <a:alpha val="50000"/>
                </a:prstClr>
              </a:outerShdw>
            </a:effectLst>
          </p:grpSpPr>
          <p:sp>
            <p:nvSpPr>
              <p:cNvPr id="22" name="同心圆 15"/>
              <p:cNvSpPr/>
              <p:nvPr/>
            </p:nvSpPr>
            <p:spPr>
              <a:xfrm>
                <a:off x="304800" y="673100"/>
                <a:ext cx="4000500" cy="4000500"/>
              </a:xfrm>
              <a:prstGeom prst="donut">
                <a:avLst>
                  <a:gd name="adj" fmla="val 4879"/>
                </a:avLst>
              </a:prstGeom>
              <a:gradFill>
                <a:gsLst>
                  <a:gs pos="0">
                    <a:schemeClr val="bg1"/>
                  </a:gs>
                  <a:gs pos="55000">
                    <a:schemeClr val="bg1">
                      <a:lumMod val="95000"/>
                    </a:schemeClr>
                  </a:gs>
                  <a:gs pos="100000">
                    <a:schemeClr val="bg1">
                      <a:lumMod val="65000"/>
                    </a:schemeClr>
                  </a:gs>
                </a:gsLst>
                <a:lin ang="8100000" scaled="0"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 defTabSz="465680"/>
                <a:endParaRPr lang="zh-CN" altLang="en-US" sz="2400">
                  <a:solidFill>
                    <a:prstClr val="black"/>
                  </a:solidFill>
                  <a:latin typeface="Roboto Black" pitchFamily="2" charset="0"/>
                </a:endParaRPr>
              </a:p>
            </p:txBody>
          </p:sp>
          <p:sp>
            <p:nvSpPr>
              <p:cNvPr id="23" name="椭圆 16"/>
              <p:cNvSpPr/>
              <p:nvPr/>
            </p:nvSpPr>
            <p:spPr>
              <a:xfrm>
                <a:off x="392112" y="760412"/>
                <a:ext cx="3825874" cy="3825874"/>
              </a:xfrm>
              <a:prstGeom prst="ellipse">
                <a:avLst/>
              </a:prstGeom>
              <a:gradFill>
                <a:gsLst>
                  <a:gs pos="0">
                    <a:schemeClr val="bg1"/>
                  </a:gs>
                  <a:gs pos="51000">
                    <a:schemeClr val="bg1">
                      <a:lumMod val="95000"/>
                    </a:schemeClr>
                  </a:gs>
                  <a:gs pos="100000">
                    <a:schemeClr val="bg1">
                      <a:lumMod val="75000"/>
                    </a:schemeClr>
                  </a:gs>
                </a:gsLst>
                <a:lin ang="18900000" scaled="0"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 defTabSz="465680"/>
                <a:endParaRPr lang="zh-CN" altLang="en-US" sz="3200">
                  <a:solidFill>
                    <a:prstClr val="white"/>
                  </a:solidFill>
                  <a:latin typeface="Roboto Black" pitchFamily="2" charset="0"/>
                </a:endParaRPr>
              </a:p>
            </p:txBody>
          </p:sp>
        </p:grpSp>
        <p:sp>
          <p:nvSpPr>
            <p:cNvPr id="21" name="KSO_Shape"/>
            <p:cNvSpPr>
              <a:spLocks/>
            </p:cNvSpPr>
            <p:nvPr/>
          </p:nvSpPr>
          <p:spPr bwMode="auto">
            <a:xfrm>
              <a:off x="1103170" y="685570"/>
              <a:ext cx="1136841" cy="792088"/>
            </a:xfrm>
            <a:custGeom>
              <a:avLst/>
              <a:gdLst>
                <a:gd name="T0" fmla="*/ 2147483646 w 112"/>
                <a:gd name="T1" fmla="*/ 2147483646 h 77"/>
                <a:gd name="T2" fmla="*/ 2147483646 w 112"/>
                <a:gd name="T3" fmla="*/ 2147483646 h 77"/>
                <a:gd name="T4" fmla="*/ 2147483646 w 112"/>
                <a:gd name="T5" fmla="*/ 2147483646 h 77"/>
                <a:gd name="T6" fmla="*/ 2147483646 w 112"/>
                <a:gd name="T7" fmla="*/ 2147483646 h 77"/>
                <a:gd name="T8" fmla="*/ 2147483646 w 112"/>
                <a:gd name="T9" fmla="*/ 2147483646 h 77"/>
                <a:gd name="T10" fmla="*/ 0 w 112"/>
                <a:gd name="T11" fmla="*/ 2147483646 h 77"/>
                <a:gd name="T12" fmla="*/ 2147483646 w 112"/>
                <a:gd name="T13" fmla="*/ 2147483646 h 77"/>
                <a:gd name="T14" fmla="*/ 2147483646 w 112"/>
                <a:gd name="T15" fmla="*/ 2147483646 h 77"/>
                <a:gd name="T16" fmla="*/ 2147483646 w 112"/>
                <a:gd name="T17" fmla="*/ 2147483646 h 77"/>
                <a:gd name="T18" fmla="*/ 2147483646 w 112"/>
                <a:gd name="T19" fmla="*/ 2147483646 h 77"/>
                <a:gd name="T20" fmla="*/ 2147483646 w 112"/>
                <a:gd name="T21" fmla="*/ 2147483646 h 77"/>
                <a:gd name="T22" fmla="*/ 2147483646 w 112"/>
                <a:gd name="T23" fmla="*/ 2147483646 h 77"/>
                <a:gd name="T24" fmla="*/ 2147483646 w 112"/>
                <a:gd name="T25" fmla="*/ 2147483646 h 77"/>
                <a:gd name="T26" fmla="*/ 2147483646 w 112"/>
                <a:gd name="T27" fmla="*/ 2147483646 h 77"/>
                <a:gd name="T28" fmla="*/ 2147483646 w 112"/>
                <a:gd name="T29" fmla="*/ 2147483646 h 77"/>
                <a:gd name="T30" fmla="*/ 2147483646 w 112"/>
                <a:gd name="T31" fmla="*/ 2147483646 h 77"/>
                <a:gd name="T32" fmla="*/ 2147483646 w 112"/>
                <a:gd name="T33" fmla="*/ 2147483646 h 77"/>
                <a:gd name="T34" fmla="*/ 2147483646 w 112"/>
                <a:gd name="T35" fmla="*/ 2147483646 h 77"/>
                <a:gd name="T36" fmla="*/ 2147483646 w 112"/>
                <a:gd name="T37" fmla="*/ 2147483646 h 77"/>
                <a:gd name="T38" fmla="*/ 2147483646 w 112"/>
                <a:gd name="T39" fmla="*/ 2147483646 h 77"/>
                <a:gd name="T40" fmla="*/ 2147483646 w 112"/>
                <a:gd name="T41" fmla="*/ 2147483646 h 77"/>
                <a:gd name="T42" fmla="*/ 2147483646 w 112"/>
                <a:gd name="T43" fmla="*/ 2147483646 h 77"/>
                <a:gd name="T44" fmla="*/ 2147483646 w 112"/>
                <a:gd name="T45" fmla="*/ 2147483646 h 77"/>
                <a:gd name="T46" fmla="*/ 2147483646 w 112"/>
                <a:gd name="T47" fmla="*/ 2147483646 h 77"/>
                <a:gd name="T48" fmla="*/ 2147483646 w 112"/>
                <a:gd name="T49" fmla="*/ 2147483646 h 77"/>
                <a:gd name="T50" fmla="*/ 2147483646 w 112"/>
                <a:gd name="T51" fmla="*/ 2147483646 h 77"/>
                <a:gd name="T52" fmla="*/ 2147483646 w 112"/>
                <a:gd name="T53" fmla="*/ 2147483646 h 77"/>
                <a:gd name="T54" fmla="*/ 2147483646 w 112"/>
                <a:gd name="T55" fmla="*/ 2147483646 h 77"/>
                <a:gd name="T56" fmla="*/ 2147483646 w 112"/>
                <a:gd name="T57" fmla="*/ 2147483646 h 77"/>
                <a:gd name="T58" fmla="*/ 2147483646 w 112"/>
                <a:gd name="T59" fmla="*/ 2147483646 h 77"/>
                <a:gd name="T60" fmla="*/ 2147483646 w 112"/>
                <a:gd name="T61" fmla="*/ 2147483646 h 77"/>
                <a:gd name="T62" fmla="*/ 2147483646 w 112"/>
                <a:gd name="T63" fmla="*/ 2147483646 h 77"/>
                <a:gd name="T64" fmla="*/ 2147483646 w 112"/>
                <a:gd name="T65" fmla="*/ 2147483646 h 77"/>
                <a:gd name="T66" fmla="*/ 2147483646 w 112"/>
                <a:gd name="T67" fmla="*/ 2147483646 h 77"/>
                <a:gd name="T68" fmla="*/ 2147483646 w 112"/>
                <a:gd name="T69" fmla="*/ 2147483646 h 77"/>
                <a:gd name="T70" fmla="*/ 2147483646 w 112"/>
                <a:gd name="T71" fmla="*/ 2147483646 h 77"/>
                <a:gd name="T72" fmla="*/ 2147483646 w 112"/>
                <a:gd name="T73" fmla="*/ 2147483646 h 77"/>
                <a:gd name="T74" fmla="*/ 2147483646 w 112"/>
                <a:gd name="T75" fmla="*/ 2147483646 h 77"/>
                <a:gd name="T76" fmla="*/ 2147483646 w 112"/>
                <a:gd name="T77" fmla="*/ 2147483646 h 77"/>
                <a:gd name="T78" fmla="*/ 2147483646 w 112"/>
                <a:gd name="T79" fmla="*/ 2147483646 h 77"/>
                <a:gd name="T80" fmla="*/ 2147483646 w 112"/>
                <a:gd name="T81" fmla="*/ 2147483646 h 77"/>
                <a:gd name="T82" fmla="*/ 2147483646 w 112"/>
                <a:gd name="T83" fmla="*/ 2147483646 h 77"/>
                <a:gd name="T84" fmla="*/ 2147483646 w 112"/>
                <a:gd name="T85" fmla="*/ 2147483646 h 77"/>
                <a:gd name="T86" fmla="*/ 2147483646 w 112"/>
                <a:gd name="T87" fmla="*/ 2147483646 h 77"/>
                <a:gd name="T88" fmla="*/ 0 60000 65536"/>
                <a:gd name="T89" fmla="*/ 0 60000 65536"/>
                <a:gd name="T90" fmla="*/ 0 60000 65536"/>
                <a:gd name="T91" fmla="*/ 0 60000 65536"/>
                <a:gd name="T92" fmla="*/ 0 60000 65536"/>
                <a:gd name="T93" fmla="*/ 0 60000 65536"/>
                <a:gd name="T94" fmla="*/ 0 60000 65536"/>
                <a:gd name="T95" fmla="*/ 0 60000 65536"/>
                <a:gd name="T96" fmla="*/ 0 60000 65536"/>
                <a:gd name="T97" fmla="*/ 0 60000 65536"/>
                <a:gd name="T98" fmla="*/ 0 60000 65536"/>
                <a:gd name="T99" fmla="*/ 0 60000 65536"/>
                <a:gd name="T100" fmla="*/ 0 60000 65536"/>
                <a:gd name="T101" fmla="*/ 0 60000 65536"/>
                <a:gd name="T102" fmla="*/ 0 60000 65536"/>
                <a:gd name="T103" fmla="*/ 0 60000 65536"/>
                <a:gd name="T104" fmla="*/ 0 60000 65536"/>
                <a:gd name="T105" fmla="*/ 0 60000 65536"/>
                <a:gd name="T106" fmla="*/ 0 60000 65536"/>
                <a:gd name="T107" fmla="*/ 0 60000 65536"/>
                <a:gd name="T108" fmla="*/ 0 60000 65536"/>
                <a:gd name="T109" fmla="*/ 0 60000 65536"/>
                <a:gd name="T110" fmla="*/ 0 60000 65536"/>
                <a:gd name="T111" fmla="*/ 0 60000 65536"/>
                <a:gd name="T112" fmla="*/ 0 60000 65536"/>
                <a:gd name="T113" fmla="*/ 0 60000 65536"/>
                <a:gd name="T114" fmla="*/ 0 60000 65536"/>
                <a:gd name="T115" fmla="*/ 0 60000 65536"/>
                <a:gd name="T116" fmla="*/ 0 60000 65536"/>
                <a:gd name="T117" fmla="*/ 0 60000 65536"/>
                <a:gd name="T118" fmla="*/ 0 60000 65536"/>
                <a:gd name="T119" fmla="*/ 0 60000 65536"/>
                <a:gd name="T120" fmla="*/ 0 60000 65536"/>
                <a:gd name="T121" fmla="*/ 0 60000 65536"/>
                <a:gd name="T122" fmla="*/ 0 60000 65536"/>
                <a:gd name="T123" fmla="*/ 0 60000 65536"/>
                <a:gd name="T124" fmla="*/ 0 60000 65536"/>
                <a:gd name="T125" fmla="*/ 0 60000 65536"/>
                <a:gd name="T126" fmla="*/ 0 60000 65536"/>
                <a:gd name="T127" fmla="*/ 0 60000 65536"/>
                <a:gd name="T128" fmla="*/ 0 60000 65536"/>
                <a:gd name="T129" fmla="*/ 0 60000 65536"/>
                <a:gd name="T130" fmla="*/ 0 60000 65536"/>
                <a:gd name="T131" fmla="*/ 0 60000 65536"/>
              </a:gdLst>
              <a:ahLst/>
              <a:cxnLst>
                <a:cxn ang="T88">
                  <a:pos x="T0" y="T1"/>
                </a:cxn>
                <a:cxn ang="T89">
                  <a:pos x="T2" y="T3"/>
                </a:cxn>
                <a:cxn ang="T90">
                  <a:pos x="T4" y="T5"/>
                </a:cxn>
                <a:cxn ang="T91">
                  <a:pos x="T6" y="T7"/>
                </a:cxn>
                <a:cxn ang="T92">
                  <a:pos x="T8" y="T9"/>
                </a:cxn>
                <a:cxn ang="T93">
                  <a:pos x="T10" y="T11"/>
                </a:cxn>
                <a:cxn ang="T94">
                  <a:pos x="T12" y="T13"/>
                </a:cxn>
                <a:cxn ang="T95">
                  <a:pos x="T14" y="T15"/>
                </a:cxn>
                <a:cxn ang="T96">
                  <a:pos x="T16" y="T17"/>
                </a:cxn>
                <a:cxn ang="T97">
                  <a:pos x="T18" y="T19"/>
                </a:cxn>
                <a:cxn ang="T98">
                  <a:pos x="T20" y="T21"/>
                </a:cxn>
                <a:cxn ang="T99">
                  <a:pos x="T22" y="T23"/>
                </a:cxn>
                <a:cxn ang="T100">
                  <a:pos x="T24" y="T25"/>
                </a:cxn>
                <a:cxn ang="T101">
                  <a:pos x="T26" y="T27"/>
                </a:cxn>
                <a:cxn ang="T102">
                  <a:pos x="T28" y="T29"/>
                </a:cxn>
                <a:cxn ang="T103">
                  <a:pos x="T30" y="T31"/>
                </a:cxn>
                <a:cxn ang="T104">
                  <a:pos x="T32" y="T33"/>
                </a:cxn>
                <a:cxn ang="T105">
                  <a:pos x="T34" y="T35"/>
                </a:cxn>
                <a:cxn ang="T106">
                  <a:pos x="T36" y="T37"/>
                </a:cxn>
                <a:cxn ang="T107">
                  <a:pos x="T38" y="T39"/>
                </a:cxn>
                <a:cxn ang="T108">
                  <a:pos x="T40" y="T41"/>
                </a:cxn>
                <a:cxn ang="T109">
                  <a:pos x="T42" y="T43"/>
                </a:cxn>
                <a:cxn ang="T110">
                  <a:pos x="T44" y="T45"/>
                </a:cxn>
                <a:cxn ang="T111">
                  <a:pos x="T46" y="T47"/>
                </a:cxn>
                <a:cxn ang="T112">
                  <a:pos x="T48" y="T49"/>
                </a:cxn>
                <a:cxn ang="T113">
                  <a:pos x="T50" y="T51"/>
                </a:cxn>
                <a:cxn ang="T114">
                  <a:pos x="T52" y="T53"/>
                </a:cxn>
                <a:cxn ang="T115">
                  <a:pos x="T54" y="T55"/>
                </a:cxn>
                <a:cxn ang="T116">
                  <a:pos x="T56" y="T57"/>
                </a:cxn>
                <a:cxn ang="T117">
                  <a:pos x="T58" y="T59"/>
                </a:cxn>
                <a:cxn ang="T118">
                  <a:pos x="T60" y="T61"/>
                </a:cxn>
                <a:cxn ang="T119">
                  <a:pos x="T62" y="T63"/>
                </a:cxn>
                <a:cxn ang="T120">
                  <a:pos x="T64" y="T65"/>
                </a:cxn>
                <a:cxn ang="T121">
                  <a:pos x="T66" y="T67"/>
                </a:cxn>
                <a:cxn ang="T122">
                  <a:pos x="T68" y="T69"/>
                </a:cxn>
                <a:cxn ang="T123">
                  <a:pos x="T70" y="T71"/>
                </a:cxn>
                <a:cxn ang="T124">
                  <a:pos x="T72" y="T73"/>
                </a:cxn>
                <a:cxn ang="T125">
                  <a:pos x="T74" y="T75"/>
                </a:cxn>
                <a:cxn ang="T126">
                  <a:pos x="T76" y="T77"/>
                </a:cxn>
                <a:cxn ang="T127">
                  <a:pos x="T78" y="T79"/>
                </a:cxn>
                <a:cxn ang="T128">
                  <a:pos x="T80" y="T81"/>
                </a:cxn>
                <a:cxn ang="T129">
                  <a:pos x="T82" y="T83"/>
                </a:cxn>
                <a:cxn ang="T130">
                  <a:pos x="T84" y="T85"/>
                </a:cxn>
                <a:cxn ang="T131">
                  <a:pos x="T86" y="T87"/>
                </a:cxn>
              </a:cxnLst>
              <a:rect l="0" t="0" r="r" b="b"/>
              <a:pathLst>
                <a:path w="112" h="77">
                  <a:moveTo>
                    <a:pt x="56" y="0"/>
                  </a:moveTo>
                  <a:cubicBezTo>
                    <a:pt x="62" y="0"/>
                    <a:pt x="66" y="4"/>
                    <a:pt x="66" y="10"/>
                  </a:cubicBezTo>
                  <a:cubicBezTo>
                    <a:pt x="66" y="15"/>
                    <a:pt x="62" y="20"/>
                    <a:pt x="56" y="20"/>
                  </a:cubicBezTo>
                  <a:cubicBezTo>
                    <a:pt x="51" y="20"/>
                    <a:pt x="46" y="15"/>
                    <a:pt x="46" y="10"/>
                  </a:cubicBezTo>
                  <a:cubicBezTo>
                    <a:pt x="46" y="4"/>
                    <a:pt x="51" y="0"/>
                    <a:pt x="56" y="0"/>
                  </a:cubicBezTo>
                  <a:close/>
                  <a:moveTo>
                    <a:pt x="15" y="49"/>
                  </a:moveTo>
                  <a:cubicBezTo>
                    <a:pt x="15" y="66"/>
                    <a:pt x="15" y="66"/>
                    <a:pt x="15" y="66"/>
                  </a:cubicBezTo>
                  <a:cubicBezTo>
                    <a:pt x="10" y="66"/>
                    <a:pt x="10" y="66"/>
                    <a:pt x="10" y="66"/>
                  </a:cubicBezTo>
                  <a:cubicBezTo>
                    <a:pt x="10" y="52"/>
                    <a:pt x="10" y="52"/>
                    <a:pt x="10" y="52"/>
                  </a:cubicBezTo>
                  <a:cubicBezTo>
                    <a:pt x="9" y="52"/>
                    <a:pt x="9" y="52"/>
                    <a:pt x="9" y="52"/>
                  </a:cubicBezTo>
                  <a:cubicBezTo>
                    <a:pt x="9" y="66"/>
                    <a:pt x="9" y="66"/>
                    <a:pt x="9" y="66"/>
                  </a:cubicBezTo>
                  <a:cubicBezTo>
                    <a:pt x="4" y="66"/>
                    <a:pt x="4" y="66"/>
                    <a:pt x="4" y="66"/>
                  </a:cubicBezTo>
                  <a:cubicBezTo>
                    <a:pt x="4" y="49"/>
                    <a:pt x="4" y="49"/>
                    <a:pt x="4" y="49"/>
                  </a:cubicBezTo>
                  <a:cubicBezTo>
                    <a:pt x="4" y="46"/>
                    <a:pt x="4" y="46"/>
                    <a:pt x="4" y="46"/>
                  </a:cubicBezTo>
                  <a:cubicBezTo>
                    <a:pt x="4" y="37"/>
                    <a:pt x="4" y="37"/>
                    <a:pt x="4" y="37"/>
                  </a:cubicBezTo>
                  <a:cubicBezTo>
                    <a:pt x="4" y="37"/>
                    <a:pt x="4" y="37"/>
                    <a:pt x="4" y="37"/>
                  </a:cubicBezTo>
                  <a:cubicBezTo>
                    <a:pt x="4" y="46"/>
                    <a:pt x="4" y="46"/>
                    <a:pt x="4" y="46"/>
                  </a:cubicBezTo>
                  <a:cubicBezTo>
                    <a:pt x="0" y="46"/>
                    <a:pt x="0" y="46"/>
                    <a:pt x="0" y="46"/>
                  </a:cubicBezTo>
                  <a:cubicBezTo>
                    <a:pt x="0" y="33"/>
                    <a:pt x="0" y="33"/>
                    <a:pt x="0" y="33"/>
                  </a:cubicBezTo>
                  <a:cubicBezTo>
                    <a:pt x="0" y="31"/>
                    <a:pt x="1" y="29"/>
                    <a:pt x="4" y="29"/>
                  </a:cubicBezTo>
                  <a:cubicBezTo>
                    <a:pt x="13" y="29"/>
                    <a:pt x="13" y="29"/>
                    <a:pt x="13" y="29"/>
                  </a:cubicBezTo>
                  <a:cubicBezTo>
                    <a:pt x="13" y="30"/>
                    <a:pt x="13" y="30"/>
                    <a:pt x="13" y="31"/>
                  </a:cubicBezTo>
                  <a:cubicBezTo>
                    <a:pt x="13" y="49"/>
                    <a:pt x="13" y="49"/>
                    <a:pt x="13" y="49"/>
                  </a:cubicBezTo>
                  <a:cubicBezTo>
                    <a:pt x="15" y="49"/>
                    <a:pt x="15" y="49"/>
                    <a:pt x="15" y="49"/>
                  </a:cubicBezTo>
                  <a:close/>
                  <a:moveTo>
                    <a:pt x="10" y="15"/>
                  </a:moveTo>
                  <a:cubicBezTo>
                    <a:pt x="13" y="15"/>
                    <a:pt x="16" y="18"/>
                    <a:pt x="16" y="22"/>
                  </a:cubicBezTo>
                  <a:cubicBezTo>
                    <a:pt x="16" y="23"/>
                    <a:pt x="16" y="24"/>
                    <a:pt x="15" y="25"/>
                  </a:cubicBezTo>
                  <a:cubicBezTo>
                    <a:pt x="15" y="26"/>
                    <a:pt x="15" y="26"/>
                    <a:pt x="14" y="26"/>
                  </a:cubicBezTo>
                  <a:cubicBezTo>
                    <a:pt x="13" y="27"/>
                    <a:pt x="12" y="28"/>
                    <a:pt x="10" y="28"/>
                  </a:cubicBezTo>
                  <a:cubicBezTo>
                    <a:pt x="6" y="28"/>
                    <a:pt x="3" y="25"/>
                    <a:pt x="3" y="22"/>
                  </a:cubicBezTo>
                  <a:cubicBezTo>
                    <a:pt x="3" y="18"/>
                    <a:pt x="6" y="15"/>
                    <a:pt x="10" y="15"/>
                  </a:cubicBezTo>
                  <a:close/>
                  <a:moveTo>
                    <a:pt x="96" y="49"/>
                  </a:moveTo>
                  <a:cubicBezTo>
                    <a:pt x="96" y="66"/>
                    <a:pt x="96" y="66"/>
                    <a:pt x="96" y="66"/>
                  </a:cubicBezTo>
                  <a:cubicBezTo>
                    <a:pt x="101" y="66"/>
                    <a:pt x="101" y="66"/>
                    <a:pt x="101" y="66"/>
                  </a:cubicBezTo>
                  <a:cubicBezTo>
                    <a:pt x="101" y="52"/>
                    <a:pt x="101" y="52"/>
                    <a:pt x="101" y="52"/>
                  </a:cubicBezTo>
                  <a:cubicBezTo>
                    <a:pt x="102" y="52"/>
                    <a:pt x="102" y="52"/>
                    <a:pt x="102" y="52"/>
                  </a:cubicBezTo>
                  <a:cubicBezTo>
                    <a:pt x="102" y="66"/>
                    <a:pt x="102" y="66"/>
                    <a:pt x="102" y="66"/>
                  </a:cubicBezTo>
                  <a:cubicBezTo>
                    <a:pt x="107" y="66"/>
                    <a:pt x="107" y="66"/>
                    <a:pt x="107" y="66"/>
                  </a:cubicBezTo>
                  <a:cubicBezTo>
                    <a:pt x="107" y="49"/>
                    <a:pt x="107" y="49"/>
                    <a:pt x="107" y="49"/>
                  </a:cubicBezTo>
                  <a:cubicBezTo>
                    <a:pt x="107" y="46"/>
                    <a:pt x="107" y="46"/>
                    <a:pt x="107" y="46"/>
                  </a:cubicBezTo>
                  <a:cubicBezTo>
                    <a:pt x="107" y="37"/>
                    <a:pt x="107" y="37"/>
                    <a:pt x="107" y="37"/>
                  </a:cubicBezTo>
                  <a:cubicBezTo>
                    <a:pt x="107" y="37"/>
                    <a:pt x="107" y="37"/>
                    <a:pt x="107" y="37"/>
                  </a:cubicBezTo>
                  <a:cubicBezTo>
                    <a:pt x="107" y="46"/>
                    <a:pt x="107" y="46"/>
                    <a:pt x="107" y="46"/>
                  </a:cubicBezTo>
                  <a:cubicBezTo>
                    <a:pt x="112" y="46"/>
                    <a:pt x="112" y="46"/>
                    <a:pt x="112" y="46"/>
                  </a:cubicBezTo>
                  <a:cubicBezTo>
                    <a:pt x="112" y="33"/>
                    <a:pt x="112" y="33"/>
                    <a:pt x="112" y="33"/>
                  </a:cubicBezTo>
                  <a:cubicBezTo>
                    <a:pt x="112" y="31"/>
                    <a:pt x="110" y="29"/>
                    <a:pt x="107" y="29"/>
                  </a:cubicBezTo>
                  <a:cubicBezTo>
                    <a:pt x="98" y="29"/>
                    <a:pt x="98" y="29"/>
                    <a:pt x="98" y="29"/>
                  </a:cubicBezTo>
                  <a:cubicBezTo>
                    <a:pt x="98" y="30"/>
                    <a:pt x="98" y="30"/>
                    <a:pt x="98" y="31"/>
                  </a:cubicBezTo>
                  <a:cubicBezTo>
                    <a:pt x="98" y="49"/>
                    <a:pt x="98" y="49"/>
                    <a:pt x="98" y="49"/>
                  </a:cubicBezTo>
                  <a:cubicBezTo>
                    <a:pt x="96" y="49"/>
                    <a:pt x="96" y="49"/>
                    <a:pt x="96" y="49"/>
                  </a:cubicBezTo>
                  <a:close/>
                  <a:moveTo>
                    <a:pt x="101" y="15"/>
                  </a:moveTo>
                  <a:cubicBezTo>
                    <a:pt x="98" y="15"/>
                    <a:pt x="95" y="18"/>
                    <a:pt x="95" y="22"/>
                  </a:cubicBezTo>
                  <a:cubicBezTo>
                    <a:pt x="95" y="23"/>
                    <a:pt x="95" y="24"/>
                    <a:pt x="96" y="25"/>
                  </a:cubicBezTo>
                  <a:cubicBezTo>
                    <a:pt x="96" y="26"/>
                    <a:pt x="97" y="26"/>
                    <a:pt x="97" y="26"/>
                  </a:cubicBezTo>
                  <a:cubicBezTo>
                    <a:pt x="98" y="27"/>
                    <a:pt x="100" y="28"/>
                    <a:pt x="101" y="28"/>
                  </a:cubicBezTo>
                  <a:cubicBezTo>
                    <a:pt x="105" y="28"/>
                    <a:pt x="108" y="25"/>
                    <a:pt x="108" y="22"/>
                  </a:cubicBezTo>
                  <a:cubicBezTo>
                    <a:pt x="108" y="18"/>
                    <a:pt x="105" y="15"/>
                    <a:pt x="101" y="15"/>
                  </a:cubicBezTo>
                  <a:close/>
                  <a:moveTo>
                    <a:pt x="75" y="51"/>
                  </a:moveTo>
                  <a:cubicBezTo>
                    <a:pt x="75" y="72"/>
                    <a:pt x="75" y="72"/>
                    <a:pt x="75" y="72"/>
                  </a:cubicBezTo>
                  <a:cubicBezTo>
                    <a:pt x="80" y="72"/>
                    <a:pt x="80" y="72"/>
                    <a:pt x="80" y="72"/>
                  </a:cubicBezTo>
                  <a:cubicBezTo>
                    <a:pt x="80" y="54"/>
                    <a:pt x="80" y="54"/>
                    <a:pt x="80" y="54"/>
                  </a:cubicBezTo>
                  <a:cubicBezTo>
                    <a:pt x="82" y="54"/>
                    <a:pt x="82" y="54"/>
                    <a:pt x="82" y="54"/>
                  </a:cubicBezTo>
                  <a:cubicBezTo>
                    <a:pt x="82" y="72"/>
                    <a:pt x="82" y="72"/>
                    <a:pt x="82" y="72"/>
                  </a:cubicBezTo>
                  <a:cubicBezTo>
                    <a:pt x="87" y="72"/>
                    <a:pt x="87" y="72"/>
                    <a:pt x="87" y="72"/>
                  </a:cubicBezTo>
                  <a:cubicBezTo>
                    <a:pt x="87" y="51"/>
                    <a:pt x="87" y="51"/>
                    <a:pt x="87" y="51"/>
                  </a:cubicBezTo>
                  <a:cubicBezTo>
                    <a:pt x="87" y="47"/>
                    <a:pt x="87" y="47"/>
                    <a:pt x="87" y="47"/>
                  </a:cubicBezTo>
                  <a:cubicBezTo>
                    <a:pt x="87" y="36"/>
                    <a:pt x="87" y="36"/>
                    <a:pt x="87" y="36"/>
                  </a:cubicBezTo>
                  <a:cubicBezTo>
                    <a:pt x="88" y="36"/>
                    <a:pt x="88" y="36"/>
                    <a:pt x="88" y="36"/>
                  </a:cubicBezTo>
                  <a:cubicBezTo>
                    <a:pt x="88" y="47"/>
                    <a:pt x="88" y="47"/>
                    <a:pt x="88" y="47"/>
                  </a:cubicBezTo>
                  <a:cubicBezTo>
                    <a:pt x="94" y="47"/>
                    <a:pt x="94" y="47"/>
                    <a:pt x="94" y="47"/>
                  </a:cubicBezTo>
                  <a:cubicBezTo>
                    <a:pt x="94" y="31"/>
                    <a:pt x="94" y="31"/>
                    <a:pt x="94" y="31"/>
                  </a:cubicBezTo>
                  <a:cubicBezTo>
                    <a:pt x="94" y="28"/>
                    <a:pt x="91" y="26"/>
                    <a:pt x="88" y="26"/>
                  </a:cubicBezTo>
                  <a:cubicBezTo>
                    <a:pt x="77" y="26"/>
                    <a:pt x="77" y="26"/>
                    <a:pt x="77" y="26"/>
                  </a:cubicBezTo>
                  <a:cubicBezTo>
                    <a:pt x="77" y="27"/>
                    <a:pt x="77" y="28"/>
                    <a:pt x="77" y="28"/>
                  </a:cubicBezTo>
                  <a:cubicBezTo>
                    <a:pt x="77" y="51"/>
                    <a:pt x="77" y="51"/>
                    <a:pt x="77" y="51"/>
                  </a:cubicBezTo>
                  <a:cubicBezTo>
                    <a:pt x="75" y="51"/>
                    <a:pt x="75" y="51"/>
                    <a:pt x="75" y="51"/>
                  </a:cubicBezTo>
                  <a:close/>
                  <a:moveTo>
                    <a:pt x="65" y="47"/>
                  </a:moveTo>
                  <a:cubicBezTo>
                    <a:pt x="65" y="32"/>
                    <a:pt x="65" y="32"/>
                    <a:pt x="65" y="32"/>
                  </a:cubicBezTo>
                  <a:cubicBezTo>
                    <a:pt x="64" y="32"/>
                    <a:pt x="64" y="32"/>
                    <a:pt x="64" y="32"/>
                  </a:cubicBezTo>
                  <a:cubicBezTo>
                    <a:pt x="64" y="47"/>
                    <a:pt x="64" y="47"/>
                    <a:pt x="64" y="47"/>
                  </a:cubicBezTo>
                  <a:cubicBezTo>
                    <a:pt x="64" y="50"/>
                    <a:pt x="64" y="50"/>
                    <a:pt x="64" y="50"/>
                  </a:cubicBezTo>
                  <a:cubicBezTo>
                    <a:pt x="64" y="77"/>
                    <a:pt x="64" y="77"/>
                    <a:pt x="64" y="77"/>
                  </a:cubicBezTo>
                  <a:cubicBezTo>
                    <a:pt x="57" y="77"/>
                    <a:pt x="57" y="77"/>
                    <a:pt x="57" y="77"/>
                  </a:cubicBezTo>
                  <a:cubicBezTo>
                    <a:pt x="57" y="55"/>
                    <a:pt x="57" y="55"/>
                    <a:pt x="57" y="55"/>
                  </a:cubicBezTo>
                  <a:cubicBezTo>
                    <a:pt x="55" y="55"/>
                    <a:pt x="55" y="55"/>
                    <a:pt x="55" y="55"/>
                  </a:cubicBezTo>
                  <a:cubicBezTo>
                    <a:pt x="55" y="77"/>
                    <a:pt x="55" y="77"/>
                    <a:pt x="55" y="77"/>
                  </a:cubicBezTo>
                  <a:cubicBezTo>
                    <a:pt x="48" y="77"/>
                    <a:pt x="48" y="77"/>
                    <a:pt x="48" y="77"/>
                  </a:cubicBezTo>
                  <a:cubicBezTo>
                    <a:pt x="48" y="50"/>
                    <a:pt x="48" y="50"/>
                    <a:pt x="48" y="50"/>
                  </a:cubicBezTo>
                  <a:cubicBezTo>
                    <a:pt x="48" y="47"/>
                    <a:pt x="48" y="47"/>
                    <a:pt x="48" y="47"/>
                  </a:cubicBezTo>
                  <a:cubicBezTo>
                    <a:pt x="48" y="32"/>
                    <a:pt x="48" y="32"/>
                    <a:pt x="48" y="32"/>
                  </a:cubicBezTo>
                  <a:cubicBezTo>
                    <a:pt x="47" y="32"/>
                    <a:pt x="47" y="32"/>
                    <a:pt x="47" y="32"/>
                  </a:cubicBezTo>
                  <a:cubicBezTo>
                    <a:pt x="47" y="47"/>
                    <a:pt x="47" y="47"/>
                    <a:pt x="47" y="47"/>
                  </a:cubicBezTo>
                  <a:cubicBezTo>
                    <a:pt x="41" y="47"/>
                    <a:pt x="41" y="47"/>
                    <a:pt x="41" y="47"/>
                  </a:cubicBezTo>
                  <a:cubicBezTo>
                    <a:pt x="41" y="27"/>
                    <a:pt x="41" y="27"/>
                    <a:pt x="41" y="27"/>
                  </a:cubicBezTo>
                  <a:cubicBezTo>
                    <a:pt x="41" y="24"/>
                    <a:pt x="44" y="21"/>
                    <a:pt x="47" y="21"/>
                  </a:cubicBezTo>
                  <a:cubicBezTo>
                    <a:pt x="66" y="21"/>
                    <a:pt x="46" y="21"/>
                    <a:pt x="65" y="21"/>
                  </a:cubicBezTo>
                  <a:cubicBezTo>
                    <a:pt x="69" y="21"/>
                    <a:pt x="71" y="24"/>
                    <a:pt x="71" y="27"/>
                  </a:cubicBezTo>
                  <a:cubicBezTo>
                    <a:pt x="71" y="47"/>
                    <a:pt x="71" y="47"/>
                    <a:pt x="71" y="47"/>
                  </a:cubicBezTo>
                  <a:cubicBezTo>
                    <a:pt x="70" y="47"/>
                    <a:pt x="68" y="47"/>
                    <a:pt x="65" y="47"/>
                  </a:cubicBezTo>
                  <a:close/>
                  <a:moveTo>
                    <a:pt x="37" y="51"/>
                  </a:moveTo>
                  <a:cubicBezTo>
                    <a:pt x="37" y="72"/>
                    <a:pt x="37" y="72"/>
                    <a:pt x="37" y="72"/>
                  </a:cubicBezTo>
                  <a:cubicBezTo>
                    <a:pt x="31" y="72"/>
                    <a:pt x="31" y="72"/>
                    <a:pt x="31" y="72"/>
                  </a:cubicBezTo>
                  <a:cubicBezTo>
                    <a:pt x="31" y="54"/>
                    <a:pt x="31" y="54"/>
                    <a:pt x="31" y="54"/>
                  </a:cubicBezTo>
                  <a:cubicBezTo>
                    <a:pt x="30" y="54"/>
                    <a:pt x="30" y="54"/>
                    <a:pt x="30" y="54"/>
                  </a:cubicBezTo>
                  <a:cubicBezTo>
                    <a:pt x="30" y="72"/>
                    <a:pt x="30" y="72"/>
                    <a:pt x="30" y="72"/>
                  </a:cubicBezTo>
                  <a:cubicBezTo>
                    <a:pt x="24" y="72"/>
                    <a:pt x="24" y="72"/>
                    <a:pt x="24" y="72"/>
                  </a:cubicBezTo>
                  <a:cubicBezTo>
                    <a:pt x="24" y="51"/>
                    <a:pt x="24" y="51"/>
                    <a:pt x="24" y="51"/>
                  </a:cubicBezTo>
                  <a:cubicBezTo>
                    <a:pt x="24" y="47"/>
                    <a:pt x="24" y="47"/>
                    <a:pt x="24" y="47"/>
                  </a:cubicBezTo>
                  <a:cubicBezTo>
                    <a:pt x="24" y="36"/>
                    <a:pt x="24" y="36"/>
                    <a:pt x="24" y="36"/>
                  </a:cubicBezTo>
                  <a:cubicBezTo>
                    <a:pt x="23" y="36"/>
                    <a:pt x="23" y="36"/>
                    <a:pt x="23" y="36"/>
                  </a:cubicBezTo>
                  <a:cubicBezTo>
                    <a:pt x="23" y="47"/>
                    <a:pt x="23" y="47"/>
                    <a:pt x="23" y="47"/>
                  </a:cubicBezTo>
                  <a:cubicBezTo>
                    <a:pt x="18" y="47"/>
                    <a:pt x="18" y="47"/>
                    <a:pt x="18" y="47"/>
                  </a:cubicBezTo>
                  <a:cubicBezTo>
                    <a:pt x="18" y="31"/>
                    <a:pt x="18" y="31"/>
                    <a:pt x="18" y="31"/>
                  </a:cubicBezTo>
                  <a:cubicBezTo>
                    <a:pt x="18" y="28"/>
                    <a:pt x="20" y="26"/>
                    <a:pt x="23" y="26"/>
                  </a:cubicBezTo>
                  <a:cubicBezTo>
                    <a:pt x="35" y="26"/>
                    <a:pt x="35" y="26"/>
                    <a:pt x="35" y="26"/>
                  </a:cubicBezTo>
                  <a:cubicBezTo>
                    <a:pt x="35" y="27"/>
                    <a:pt x="35" y="28"/>
                    <a:pt x="35" y="28"/>
                  </a:cubicBezTo>
                  <a:cubicBezTo>
                    <a:pt x="35" y="51"/>
                    <a:pt x="35" y="51"/>
                    <a:pt x="35" y="51"/>
                  </a:cubicBezTo>
                  <a:cubicBezTo>
                    <a:pt x="37" y="51"/>
                    <a:pt x="37" y="51"/>
                    <a:pt x="37" y="51"/>
                  </a:cubicBezTo>
                  <a:close/>
                  <a:moveTo>
                    <a:pt x="31" y="9"/>
                  </a:moveTo>
                  <a:cubicBezTo>
                    <a:pt x="35" y="9"/>
                    <a:pt x="39" y="12"/>
                    <a:pt x="39" y="17"/>
                  </a:cubicBezTo>
                  <a:cubicBezTo>
                    <a:pt x="39" y="19"/>
                    <a:pt x="38" y="20"/>
                    <a:pt x="37" y="22"/>
                  </a:cubicBezTo>
                  <a:cubicBezTo>
                    <a:pt x="37" y="22"/>
                    <a:pt x="37" y="22"/>
                    <a:pt x="37" y="23"/>
                  </a:cubicBezTo>
                  <a:cubicBezTo>
                    <a:pt x="35" y="24"/>
                    <a:pt x="33" y="25"/>
                    <a:pt x="31" y="25"/>
                  </a:cubicBezTo>
                  <a:cubicBezTo>
                    <a:pt x="26" y="25"/>
                    <a:pt x="22" y="21"/>
                    <a:pt x="22" y="17"/>
                  </a:cubicBezTo>
                  <a:cubicBezTo>
                    <a:pt x="22" y="12"/>
                    <a:pt x="26" y="9"/>
                    <a:pt x="31" y="9"/>
                  </a:cubicBezTo>
                  <a:close/>
                  <a:moveTo>
                    <a:pt x="81" y="9"/>
                  </a:moveTo>
                  <a:cubicBezTo>
                    <a:pt x="76" y="9"/>
                    <a:pt x="73" y="12"/>
                    <a:pt x="73" y="17"/>
                  </a:cubicBezTo>
                  <a:cubicBezTo>
                    <a:pt x="73" y="19"/>
                    <a:pt x="73" y="20"/>
                    <a:pt x="74" y="22"/>
                  </a:cubicBezTo>
                  <a:cubicBezTo>
                    <a:pt x="75" y="22"/>
                    <a:pt x="75" y="22"/>
                    <a:pt x="75" y="23"/>
                  </a:cubicBezTo>
                  <a:cubicBezTo>
                    <a:pt x="77" y="24"/>
                    <a:pt x="79" y="25"/>
                    <a:pt x="81" y="25"/>
                  </a:cubicBezTo>
                  <a:cubicBezTo>
                    <a:pt x="85" y="25"/>
                    <a:pt x="89" y="21"/>
                    <a:pt x="89" y="17"/>
                  </a:cubicBezTo>
                  <a:cubicBezTo>
                    <a:pt x="89" y="12"/>
                    <a:pt x="85" y="9"/>
                    <a:pt x="81" y="9"/>
                  </a:cubicBezTo>
                  <a:close/>
                </a:path>
              </a:pathLst>
            </a:custGeom>
            <a:noFill/>
            <a:ln>
              <a:noFill/>
            </a:ln>
            <a:effectLst>
              <a:outerShdw blurRad="50800" dist="38100" dir="8100000" algn="tr" rotWithShape="0">
                <a:prstClr val="black">
                  <a:alpha val="40000"/>
                </a:prstClr>
              </a:outerShdw>
            </a:effectLst>
            <a:ex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 defTabSz="465680"/>
              <a:r>
                <a:rPr lang="ru-RU" altLang="zh-CN" sz="3200" b="1" dirty="0" smtClean="0">
                  <a:solidFill>
                    <a:prstClr val="black"/>
                  </a:solidFill>
                  <a:latin typeface="Roboto Black" pitchFamily="2" charset="0"/>
                  <a:ea typeface="Roboto Black" pitchFamily="2" charset="0"/>
                </a:rPr>
                <a:t>1.1.1</a:t>
              </a:r>
              <a:endParaRPr lang="zh-CN" altLang="en-US" sz="3200" b="1" dirty="0">
                <a:solidFill>
                  <a:prstClr val="black"/>
                </a:solidFill>
                <a:latin typeface="Roboto Black" pitchFamily="2" charset="0"/>
              </a:endParaRPr>
            </a:p>
          </p:txBody>
        </p:sp>
      </p:grpSp>
      <p:sp>
        <p:nvSpPr>
          <p:cNvPr id="15" name="Прямоугольник 14"/>
          <p:cNvSpPr/>
          <p:nvPr/>
        </p:nvSpPr>
        <p:spPr>
          <a:xfrm>
            <a:off x="2000232" y="500042"/>
            <a:ext cx="6929486" cy="12003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400" b="1" dirty="0">
                <a:latin typeface="Arial" pitchFamily="34" charset="0"/>
                <a:cs typeface="Arial" pitchFamily="34" charset="0"/>
              </a:rPr>
              <a:t>Система оповещения и информирования населения Липецкой области при чрезвычайных ситуациях</a:t>
            </a:r>
            <a:endParaRPr lang="ru-RU" sz="2400" dirty="0">
              <a:latin typeface="Arial" pitchFamily="34" charset="0"/>
              <a:cs typeface="Arial" pitchFamily="34" charset="0"/>
            </a:endParaRPr>
          </a:p>
        </p:txBody>
      </p:sp>
      <p:pic>
        <p:nvPicPr>
          <p:cNvPr id="18" name="Picture 7" descr="C:\Users\умц\Desktop\Липецк.обл..jpg"/>
          <p:cNvPicPr>
            <a:picLocks noChangeAspect="1" noChangeArrowheads="1"/>
          </p:cNvPicPr>
          <p:nvPr/>
        </p:nvPicPr>
        <p:blipFill>
          <a:blip r:embed="rId4"/>
          <a:srcRect b="76993"/>
          <a:stretch>
            <a:fillRect/>
          </a:stretch>
        </p:blipFill>
        <p:spPr bwMode="auto">
          <a:xfrm>
            <a:off x="2000232" y="1714489"/>
            <a:ext cx="6929486" cy="121444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0" name="Picture 9" descr="https://www.mos-uk1.ru/upload/iblock/55b/55bb0124935c0ad3490e55ffbbf9c4a8.jpg"/>
          <p:cNvPicPr>
            <a:picLocks noChangeAspect="1" noChangeArrowheads="1"/>
          </p:cNvPicPr>
          <p:nvPr/>
        </p:nvPicPr>
        <p:blipFill>
          <a:blip r:embed="rId5"/>
          <a:srcRect/>
          <a:stretch>
            <a:fillRect/>
          </a:stretch>
        </p:blipFill>
        <p:spPr bwMode="auto">
          <a:xfrm>
            <a:off x="2000232" y="3143248"/>
            <a:ext cx="5143536" cy="3571900"/>
          </a:xfrm>
          <a:prstGeom prst="rect">
            <a:avLst/>
          </a:prstGeom>
          <a:noFill/>
          <a:ln w="9525">
            <a:solidFill>
              <a:schemeClr val="accent2"/>
            </a:solidFill>
            <a:miter lim="800000"/>
            <a:headEnd/>
            <a:tailEnd/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93473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#ppt_w*1.125000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Effect transition="in" filter="wipe(left)">
                                      <p:cBhvr>
                                        <p:cTn id="8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6" presetClass="entr" presetSubtype="4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arn(outHorizontal)">
                                      <p:cBhvr>
                                        <p:cTn id="1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" presetID="2" presetClass="entr" presetSubtype="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6" dur="1000" fill="hold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7" dur="1000" fill="hold"/>
                                        <p:tgtEl>
                                          <p:spTgt spid="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8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2049" name="Rectangle 1"/>
          <p:cNvSpPr>
            <a:spLocks noChangeArrowheads="1"/>
          </p:cNvSpPr>
          <p:nvPr/>
        </p:nvSpPr>
        <p:spPr bwMode="auto">
          <a:xfrm>
            <a:off x="214282" y="857232"/>
            <a:ext cx="8715436" cy="50783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Региональная система оповещения создается на региональном уровне функционирования единой государственной системы предупреждения и ликвидации чрезвычайных ситуаций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Региональная система оповещения является частью системы управления гражданской обороной Липецкой области и Липецкой территориальной подсистемы единой государственной системы предупреждения и ликвидации чрезвычайных ситуаций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Региональная система оповещения состоит из комбинации взаимодействующих элементов, состоящих из специальных программно-технических средств оповещения, средств комплексной системы экстренного оповещения населения Липецкой области, регионального сегмента общероссийской комплексной системы информирования и оповещения населения в местах массового пребывания людей, громкоговорящих средств на подвижных объектах, мобильных и носимых средств оповещения, а также обеспечивающих ее функционирование каналов, линий связи и сетей передачи данных единой сети электросвязи Российской Федерации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        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object 4"/>
          <p:cNvSpPr/>
          <p:nvPr/>
        </p:nvSpPr>
        <p:spPr>
          <a:xfrm>
            <a:off x="-13447" y="6489095"/>
            <a:ext cx="9144000" cy="396000"/>
          </a:xfrm>
          <a:custGeom>
            <a:avLst/>
            <a:gdLst/>
            <a:ahLst/>
            <a:cxnLst/>
            <a:rect l="l" t="t" r="r" b="b"/>
            <a:pathLst>
              <a:path w="20104100" h="838200">
                <a:moveTo>
                  <a:pt x="20104099" y="0"/>
                </a:moveTo>
                <a:lnTo>
                  <a:pt x="0" y="0"/>
                </a:lnTo>
                <a:lnTo>
                  <a:pt x="0" y="837670"/>
                </a:lnTo>
                <a:lnTo>
                  <a:pt x="20104099" y="837670"/>
                </a:lnTo>
                <a:lnTo>
                  <a:pt x="20104099" y="0"/>
                </a:lnTo>
                <a:close/>
              </a:path>
            </a:pathLst>
          </a:custGeom>
          <a:solidFill>
            <a:schemeClr val="bg1">
              <a:lumMod val="50000"/>
            </a:scheme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/>
          <p:nvPr/>
        </p:nvSpPr>
        <p:spPr>
          <a:xfrm>
            <a:off x="0" y="381000"/>
            <a:ext cx="9144000" cy="0"/>
          </a:xfrm>
          <a:custGeom>
            <a:avLst/>
            <a:gdLst/>
            <a:ahLst/>
            <a:cxnLst/>
            <a:rect l="l" t="t" r="r" b="b"/>
            <a:pathLst>
              <a:path w="20104100">
                <a:moveTo>
                  <a:pt x="0" y="0"/>
                </a:moveTo>
                <a:lnTo>
                  <a:pt x="20104099" y="0"/>
                </a:lnTo>
              </a:path>
            </a:pathLst>
          </a:custGeom>
          <a:ln w="29684">
            <a:solidFill>
              <a:schemeClr val="accent5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2" name="object 5"/>
          <p:cNvSpPr/>
          <p:nvPr/>
        </p:nvSpPr>
        <p:spPr>
          <a:xfrm>
            <a:off x="8181752" y="5943600"/>
            <a:ext cx="975696" cy="927701"/>
          </a:xfrm>
          <a:custGeom>
            <a:avLst/>
            <a:gdLst/>
            <a:ahLst/>
            <a:cxnLst/>
            <a:rect l="l" t="t" r="r" b="b"/>
            <a:pathLst>
              <a:path w="2167890" h="2167890">
                <a:moveTo>
                  <a:pt x="2167473" y="0"/>
                </a:moveTo>
                <a:lnTo>
                  <a:pt x="0" y="2167462"/>
                </a:lnTo>
                <a:lnTo>
                  <a:pt x="2167473" y="2167462"/>
                </a:lnTo>
                <a:lnTo>
                  <a:pt x="2167473" y="0"/>
                </a:lnTo>
                <a:close/>
              </a:path>
            </a:pathLst>
          </a:custGeom>
          <a:solidFill>
            <a:srgbClr val="C00000"/>
          </a:solidFill>
        </p:spPr>
        <p:txBody>
          <a:bodyPr wrap="square" lIns="0" tIns="0" rIns="0" bIns="0" rtlCol="0"/>
          <a:lstStyle/>
          <a:p>
            <a:endParaRPr sz="2000">
              <a:solidFill>
                <a:schemeClr val="bg1"/>
              </a:solidFill>
            </a:endParaRPr>
          </a:p>
        </p:txBody>
      </p:sp>
      <p:sp>
        <p:nvSpPr>
          <p:cNvPr id="11" name="object 11"/>
          <p:cNvSpPr txBox="1">
            <a:spLocks noGrp="1"/>
          </p:cNvSpPr>
          <p:nvPr>
            <p:ph type="sldNum" sz="quarter" idx="7"/>
          </p:nvPr>
        </p:nvSpPr>
        <p:spPr>
          <a:xfrm>
            <a:off x="8534401" y="6553200"/>
            <a:ext cx="609600" cy="185948"/>
          </a:xfrm>
          <a:prstGeom prst="rect">
            <a:avLst/>
          </a:prstGeom>
        </p:spPr>
        <p:txBody>
          <a:bodyPr vert="horz" wrap="square" lIns="0" tIns="0" rIns="0" bIns="0" rtlCol="0">
            <a:spAutoFit/>
          </a:bodyPr>
          <a:lstStyle/>
          <a:p>
            <a:pPr marL="19404" algn="ctr">
              <a:lnSpc>
                <a:spcPts val="1390"/>
              </a:lnSpc>
            </a:pPr>
            <a:fld id="{1AADCD55-9889-4088-A6F0-1630CC9EC0CF}" type="slidenum">
              <a:rPr lang="en-US" sz="1400" spc="10">
                <a:solidFill>
                  <a:schemeClr val="bg1"/>
                </a:solidFill>
              </a:rPr>
              <a:pPr marL="19404" algn="ctr">
                <a:lnSpc>
                  <a:spcPts val="1390"/>
                </a:lnSpc>
              </a:pPr>
              <a:t>9</a:t>
            </a:fld>
            <a:endParaRPr sz="1400" spc="10" dirty="0">
              <a:solidFill>
                <a:schemeClr val="bg1"/>
              </a:solidFill>
            </a:endParaRPr>
          </a:p>
        </p:txBody>
      </p:sp>
      <p:sp>
        <p:nvSpPr>
          <p:cNvPr id="9" name="object 8"/>
          <p:cNvSpPr txBox="1">
            <a:spLocks/>
          </p:cNvSpPr>
          <p:nvPr/>
        </p:nvSpPr>
        <p:spPr>
          <a:xfrm>
            <a:off x="214282" y="0"/>
            <a:ext cx="2983738" cy="283857"/>
          </a:xfrm>
          <a:prstGeom prst="rect">
            <a:avLst/>
          </a:prstGeom>
        </p:spPr>
        <p:txBody>
          <a:bodyPr vert="horz" wrap="square" lIns="0" tIns="6792" rIns="0" bIns="0" rtlCol="0">
            <a:spAutoFit/>
          </a:bodyPr>
          <a:lstStyle/>
          <a:p>
            <a:pPr marL="6468" marR="0" lvl="0" indent="0" defTabSz="914400" eaLnBrk="1" fontAlgn="auto" latinLnBrk="0" hangingPunct="1">
              <a:lnSpc>
                <a:spcPct val="100000"/>
              </a:lnSpc>
              <a:spcBef>
                <a:spcPts val="53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1" i="0" u="none" strike="noStrike" kern="0" cap="all" spc="-1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Roboto" pitchFamily="2" charset="0"/>
                <a:ea typeface="Roboto" pitchFamily="2" charset="0"/>
                <a:cs typeface="Roboto Medium"/>
              </a:rPr>
              <a:t>  Вопрос 1</a:t>
            </a:r>
            <a:endParaRPr kumimoji="0" lang="ru-RU" sz="1800" b="1" i="0" u="none" strike="noStrike" kern="0" cap="all" spc="-10" normalizeH="0" baseline="0" noProof="0" dirty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Roboto" pitchFamily="2" charset="0"/>
              <a:ea typeface="Roboto" pitchFamily="2" charset="0"/>
              <a:cs typeface="Roboto Medium"/>
            </a:endParaRPr>
          </a:p>
        </p:txBody>
      </p:sp>
      <p:sp>
        <p:nvSpPr>
          <p:cNvPr id="115713" name="Rectangle 1"/>
          <p:cNvSpPr>
            <a:spLocks noChangeArrowheads="1"/>
          </p:cNvSpPr>
          <p:nvPr/>
        </p:nvSpPr>
        <p:spPr bwMode="auto">
          <a:xfrm>
            <a:off x="214282" y="428604"/>
            <a:ext cx="8715436" cy="230832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marL="0" marR="0" lvl="0" indent="0" algn="just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Создание и поддержание в состоянии постоянной готовности Региональной системы оповещения является составной частью комплекса мероприятий, проводимых администрацией Липецкой области по подготовке и ведению гражданской обороны, предупреждению и ликвидации чрезвычайных ситуаций природного и техногенного характера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marR="0" lvl="0" indent="0" algn="just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r>
              <a:rPr kumimoji="0" lang="ru-RU" b="1" i="0" u="none" strike="noStrike" cap="none" normalizeH="0" baseline="0" dirty="0" smtClean="0">
                <a:ln>
                  <a:noFill/>
                </a:ln>
                <a:solidFill>
                  <a:schemeClr val="tx1"/>
                </a:solidFill>
                <a:effectLst/>
                <a:latin typeface="Arial" pitchFamily="34" charset="0"/>
                <a:ea typeface="Times New Roman" pitchFamily="18" charset="0"/>
                <a:cs typeface="Arial" pitchFamily="34" charset="0"/>
              </a:rPr>
              <a:t>Границами зоны действия Региональной системы оповещения являются административные границы Липецкой области.</a:t>
            </a:r>
            <a:endParaRPr kumimoji="0" lang="ru-RU" b="1" i="0" u="none" strike="noStrike" cap="none" normalizeH="0" baseline="0" dirty="0" smtClean="0">
              <a:ln>
                <a:noFill/>
              </a:ln>
              <a:solidFill>
                <a:schemeClr val="tx1"/>
              </a:solidFill>
              <a:effectLst/>
              <a:latin typeface="Arial" pitchFamily="34" charset="0"/>
              <a:cs typeface="Arial" pitchFamily="34" charset="0"/>
            </a:endParaRPr>
          </a:p>
        </p:txBody>
      </p:sp>
      <p:pic>
        <p:nvPicPr>
          <p:cNvPr id="115715" name="Picture 3" descr="https://avatars.dzeninfra.ru/get-zen_doc/3908958/pub_5f9aa6c62603b20d51b5cc86_5f9aa74d9037085821d594a7/scale_1200"/>
          <p:cNvPicPr>
            <a:picLocks noChangeAspect="1" noChangeArrowheads="1"/>
          </p:cNvPicPr>
          <p:nvPr/>
        </p:nvPicPr>
        <p:blipFill>
          <a:blip r:embed="rId4"/>
          <a:srcRect/>
          <a:stretch>
            <a:fillRect/>
          </a:stretch>
        </p:blipFill>
        <p:spPr bwMode="auto">
          <a:xfrm>
            <a:off x="2428860" y="2819919"/>
            <a:ext cx="4286280" cy="3895229"/>
          </a:xfrm>
          <a:prstGeom prst="rect">
            <a:avLst/>
          </a:prstGeom>
          <a:noFill/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778138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VERSION" val="9.3"/>
  <p:tag name="ISPRING_PROJECT_FOLDER_UPDATED" val="1"/>
  <p:tag name="ISPRING_FIRST_PUBLISH" val="1"/>
  <p:tag name="ISPRING_CURRENT_PLAYER_ID" val="universal"/>
  <p:tag name="ISPRING_LMS_API_VERSION" val="SCORM 2004 (4th edition)"/>
  <p:tag name="ISPRING_ULTRA_SCORM_COURSE_ID" val="B3157BB4-9396-4408-AF27-0843087F6537"/>
  <p:tag name="ISPRING_CMI5_LAUNCH_METHOD" val="any window"/>
  <p:tag name="ISPRINGCLOUDFOLDERID" val="1"/>
  <p:tag name="ISPRINGONLINEFOLDERID" val="1"/>
  <p:tag name="ISPRING_SCORM_RATE_SLIDES" val="0"/>
  <p:tag name="ISPRING_PRESENTATION_COURSE_TITLE" val="Порядок информирования об угрозе совершения или о совершении терракта на объекте (территории)"/>
  <p:tag name="ISPRING_PLAYERS_CUSTOMIZATION_2" val="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"/>
  <p:tag name="ISPRING-SUITE_ISPRING_CURRENT_PLAYER_ID" val="universal"/>
  <p:tag name="ISPRING_SCORM_PASSING_SCORE" val="80.000000"/>
  <p:tag name="ISPRING-SUITE_ISPRING_PLAYERS_CUSTOMIZATION_2" val="{&quot;universal&quot;:{&quot;skinSettings&quot;:{&quot;borderRadius&quot;:0,&quot;colors&quot;:{&quot;asideBackground&quot;:{&quot;color&quot;:&quot;#F3F3F3&quot;,&quot;opacity&quot;:1,&quot;type&quot;:&quot;SOLID&quot;},&quot;asideElementBackgroundActive&quot;:{&quot;color&quot;:&quot;#9DA2A6&quot;,&quot;opacity&quot;:1,&quot;type&quot;:&quot;SOLID&quot;},&quot;asideElementBackgroundHover&quot;:{&quot;color&quot;:&quot;#E1E2E2&quot;,&quot;opacity&quot;:1,&quot;type&quot;:&quot;SOLID&quot;},&quot;asideElementText&quot;:{&quot;color&quot;:&quot;#47484A&quot;,&quot;opacity&quot;:1,&quot;type&quot;:&quot;SOLID&quot;},&quot;asideElementTextActive&quot;:{&quot;color&quot;:&quot;#FFFFFF&quot;,&quot;opacity&quot;:1,&quot;type&quot;:&quot;SOLID&quot;},&quot;asideElementTextHover&quot;:{&quot;color&quot;:&quot;#47484A&quot;,&quot;opacity&quot;:1,&quot;type&quot;:&quot;SOLID&quot;},&quot;asideLogoBackground&quot;:{&quot;color&quot;:&quot;#F3F3F3&quot;,&quot;opacity&quot;:1,&quot;type&quot;:&quot;SOLID&quot;},&quot;pageBackground&quot;:{&quot;color&quot;:&quot;#ced1d3&quot;,&quot;opacity&quot;:1,&quot;type&quot;:&quot;SOLID&quot;},&quot;playerBackground&quot;:{&quot;color&quot;:&quot;#ffffff&quot;,&quot;opacity&quot;:1,&quot;type&quot;:&quot;SOLID&quot;},&quot;playerText&quot;:{&quot;color&quot;:&quot;#47484A&quot;,&quot;opacity&quot;:1,&quot;type&quot;:&quot;SOLID&quot;},&quot;primaryButtonBackground&quot;:{&quot;color&quot;:&quot;#a9040a&quot;,&quot;opacity&quot;:1,&quot;type&quot;:&quot;SOLID&quot;},&quot;primaryButtonBackgroundHover&quot;:{&quot;color&quot;:&quot;#7E7E7E&quot;,&quot;opacity&quot;:1,&quot;type&quot;:&quot;SOLID&quot;},&quot;primaryButtonBorder&quot;:{&quot;color&quot;:&quot;#a9040a&quot;,&quot;opacity&quot;:1,&quot;type&quot;:&quot;SOLID&quot;},&quot;primaryButtonBorderHover&quot;:{&quot;color&quot;:&quot;#00000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fffff&quot;,&quot;opacity&quot;:1,&quot;type&quot;:&quot;SOLID&quot;},&quot;secondaryButtonBackgroundHover&quot;:{&quot;color&quot;:&quot;#47484A&quot;,&quot;opacity&quot;:0.10000000000000001,&quot;type&quot;:&quot;SOLID&quot;},&quot;secondaryButtonBorder&quot;:{&quot;color&quot;:&quot;#ffffff&quot;,&quot;opacity&quot;:1,&quot;type&quot;:&quot;SOLID&quot;},&quot;secondaryButtonBorderHover&quot;:{&quot;color&quot;:&quot;#47484A&quot;,&quot;opacity&quot;:0.10000000000000001,&quot;type&quot;:&quot;SOLID&quot;},&quot;secondaryButtonText&quot;:{&quot;color&quot;:&quot;#47484A&quot;,&quot;opacity&quot;:1,&quot;type&quot;:&quot;SOLID&quot;},&quot;secondaryButtonTextHover&quot;:{&quot;color&quot;:&quot;#47484A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true,&quot;showPlayPause&quot;:true,&quot;showPlaybackRateButton&quot;:false,&quot;showPrevButton&quot;:true,&quot;showRewind&quot;:true,&quot;showSlideNumbers&quot;:true,&quot;showSlideOnlyButton&quot;:true,&quot;showVolumeControl&quot;:true,&quot;visible&quot;:true},&quot;fontFamily&quot;:&quot;Roboto&quot;,&quot;miniskinCustomizationEnabled&quot;:true,&quot;outlinePanel&quot;:{&quot;highlightViewedEntries&quot;:tru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],&quot;buttonsAtLeft&quot;:false,&quot;courseTitleVisible&quot;:true,&quot;showLogo&quot;:false,&quot;visible&quot;:false},&quot;version&quot;:&quot;1.0&quot;},&quot;skinMessages&quot;:{&quot;PB_ACCESSIBLE_ARIA_LABEL_BACK_TO_BEGIN&quot;:&quot;Перейти к началу слайда&quot;,&quot;PB_ACCESSIBLE_ARIA_LABEL_BOTTOM_PANEL&quot;:&quot;Нижняя панель&quot;,&quot;PB_ACCESSIBLE_ARIA_LABEL_NAVIGATION_BUTTONS&quot;:&quot;Кнопки навигации&quot;,&quot;PB_ACCESSIBLE_ARIA_LABEL_SETTINGS&quot;:&quot;Настройки доступности&quot;,&quot;PB_ACCESSIBLE_ARIA_LABEL_SLIDE&quot;:&quot;Слайд&quot;,&quot;PB_ACCESSIBLE_ARIA_LABEL_TOP_PANEL&quot;:&quot;Верхняя панель&quot;,&quot;PB_ACCESSIBLE_AUDIO_NARRATION_LABEL&quot;:&quot;Аудиосопровождение&quot;,&quot;PB_ACCESSIBLE_NAVIGATION_NEXT_BUTTON&quot;:&quot;Далее&quot;,&quot;PB_ACCESSIBLE_NAVIGATION_PREV_BUTTON&quot;:&quot;Назад&quot;,&quot;PB_ACCESSIBLE_PLAYER_SCENARIO_NOT_SUPPORTED&quot;:&quot;Диалоговый тренажер не поддерживается в режиме для слабовидящих&quot;,&quot;PB_ACCESSIBLE_SKIN_ENABLE_ACCESSIBILITY_MODE&quot;:&quot;Перейти в режим для слабовидящих&quot;,&quot;PB_ACCESSIBLE_SKIN_ENABLE_NORMAL_MODE&quot;:&quot;Перейти в режим полного плеера&quot;,&quot;PB_ACCESSIBLE_SKIN_PRESENTER_PHOTO&quot;:&quot;Фотография докладчика&quot;,&quot;PB_ACCESSIBLE_SLIDE_N_OF_COUNT&quot;:&quot;Слайд %QUESTION_NUMBER% из %TOTAL_QUESTIONS%&quot;,&quot;PB_ACCESSIBLE_VIDEO_NARRATION_LABEL&quot;:&quot;Видеосопровождение&quot;,&quot;PB_ACCESSIBLE_WATERMARK_SKIN_CREATED_WITH&quot;:&quot;Создано с помощью демо-версии iSpring&quot;,&quot;PB_ATTACHMENT_DOCUMENT_SUBTITLE&quot;:&quot;Документ&quot;,&quot;PB_ATTACHMENT_FILE_SUBTITLE&quot;:&quot;Файл&quot;,&quot;PB_ATTACHMENT_IMAGE_SUBTITLE&quot;:&quot;Изображение&quot;,&quot;PB_ATTACHMENT_LINK_SUBTITLE&quot;:&quot;Ссылка&quot;,&quot;PB_ATTACHMENT_VIDEO_SUBTITLE&quot;:&quot;Видео&quot;,&quot;PB_BACK_TO_APP_BUTTON_LABEL&quot;:&quot;Назад&quot;,&quot;PB_CC_MENU_OFF&quot;:&quot;Выкл.&quot;,&quot;PB_CC_MENU_ON&quot;:&quot;Вкл.&quot;,&quot;PB_CC_MENU_TITLE&quot;:&quot;Заметки&quot;,&quot;PB_COMPANY_LOGO_BIG&quot;:&quot;Логотип компании(266x156)&quot;,&quot;PB_COMPANY_LOGO_SMALL&quot;:&quot;Логотип компании (266x50)&quot;,&quot;PB_CONTROL_PANEL_EXIT_FULL_SCREEN&quot;:&quot;Выход из полноэкранного режима&quot;,&quot;PB_CONTROL_PANEL_FULL_SCREEN&quot;:&quot;На весь экран&quot;,&quot;PB_CONTROL_PANEL_NEXT&quot;:&quot;ДАЛЕЕ&quot;,&quot;PB_CONTROL_PANEL_OUTLINE&quot;:&quot;СЛАЙДЫ&quot;,&quot;PB_CONTROL_PANEL_PREV&quot;:&quot;НАЗАД&quot;,&quot;PB_CONTROL_PANEL_REPLAY&quot;:&quot;Повторить&quot;,&quot;PB_CONTROL_PANEL_SLIDE_COUNTER&quot;:&quot;%SLIDE_NUMBER% из %TOTAL_SLIDES%&quot;,&quot;PB_CONTROL_PANEL_VOLUME_CONTROL&quot;:&quot;Громкость&quot;,&quot;PB_CURRENT_SLIDE_IS_NOT_COMPLETED&quot;:&quot;Для продолжения необходимо просмотреть слайд до конца&quot;,&quot;PB_DOMAIN_RESTRICTION&quot;:&quot;Автор запретил просмотр презентации на этом домене.&quot;,&quot;PB_DOWNLOAD_APP_MESSAGE&quot;:&quot;Для просмотра презентации с видео установите бесплатное приложение iSpring Play на ваш iOS.&quot;,&quot;PB_DRAWING_TOOLS_END_DRAWING&quot;:&quot;Завершить рисование&quot;,&quot;PB_DRAWING_TOOLS_ERASER&quot;:&quot;Ластик&quot;,&quot;PB_DRAWING_TOOLS_ERASE_ALL&quot;:&quot;Очистить все&quot;,&quot;PB_DRAWING_TOOLS_HIGHLIGHTER&quot;:&quot;Маркер&quot;,&quot;PB_DRAWING_TOOLS_PEN&quot;:&quot;Фломастер&quot;,&quot;PB_ENTER_PASSWORD&quot;:&quot;Введите пароль для просмотра презентации&quot;,&quot;PB_INCORRECT_PASSWORD&quot;:&quot;Неверный пароль&quot;,&quot;PB_INTERACTION_SLIDE_WINDOW_TEXT&quot;:&quot;Необходимо завершить интерактивность, прежде чем перейти на другой слайд.&quot;,&quot;PB_LAUNCH_BTN_LABEL&quot;:&quot;Запустить&quot;,&quot;PB_LAUNCH_IN_APP_MESSAGE&quot;:&quot;Смотрите с видео в приложении iSpring Play.&quot;,&quot;PB_MESSAGE_BOX_NO&quot;:&quot;НЕТ&quot;,&quot;PB_MESSAGE_BOX_OK&quot;:&quot;ОК&quot;,&quot;PB_MESSAGE_BOX_YES&quot;:&quot;ДА&quot;,&quot;PB_NAVIGATION_IS_RESTRICTED&quot;:&quot;Вы можете просматривать слайды только по порядку.&quot;,&quot;PB_NAVIGATION_IS_SEQUENTIAL&quot;:&quot;Слайды можно просматривать только по порядку.&quot;,&quot;PB_PLAYBACK_RATE_MENU_CAPTION&quot;:&quot;Скорость&quot;,&quot;PB_PRECEDING_QUIZ_FAILED_WINDOW_TEXT&quot;:&quot;Вы не прошли тест на слайде %SLIDE_INDEX% и не можете просмотреть следующие слайды.&quot;,&quot;PB_PRECEDING_QUIZ_NOT_COMPLETED_WINDOW_TEXT&quot;:&quot;Для перехода на данный слайд необходимо завершить тест на слайде %SLIDE_INDEX%.&quot;,&quot;PB_PRECEDING_QUIZ_NOT_PASSED_WINDOW_TEXT&quot;:&quot;Для перехода на данный слайд необходимо успешно пройти тест на слайде %SLIDE_INDEX%.&quot;,&quot;PB_PRECEDING_SCENARIO_FAILED_WINDOW_TEXT&quot;:&quot;Вы не смогли успешно завершить диалог на слайде %SLIDE_INDEX% и не можете просмотреть следующие слайды.&quot;,&quot;PB_PRECEDING_SCENARIO_NOT_COMPLETED_WINDOW_TEXT&quot;:&quot;Для перехода на слайд необходимо завершить диалог на слайде %SLIDE_INDEX%.&quot;,&quot;PB_PRECEDING_SCENARIO_NOT_PASSED_WINDOW_TEXT&quot;:&quot;Для перехода на слайд необходимо успешно завершить диалог на слайде %SLIDE_INDEX%.&quot;,&quot;PB_PRESENTER_COLLAPSE_BIO&quot;:&quot;скрыть&quot;,&quot;PB_PRESENTER_EMAIL&quot;:&quot;E-mail&quot;,&quot;PB_PRESENTER_EXPAND_BIO&quot;:&quot;показать еще&quot;,&quot;PB_PRESENTER_HIDE_BIO&quot;:&quot;Скрыть&quot;,&quot;PB_PRESENTER_INFO&quot;:&quot;Докладчик&quot;,&quot;PB_PRESENTER_NO_INFO&quot;:&quot;Нет информации о докладчике&quot;,&quot;PB_PRESENTER_SHOW_BIO&quot;:&quot;Подробнее&quot;,&quot;PB_PRESENTER_VIDEO&quot;:&quot;Видео докладчика&quot;,&quot;PB_PRESENTER_WEBSITE&quot;:&quot;Сайт&quot;,&quot;PB_QUIZ_SLIDE_WINDOW_TEXT&quot;:&quot;Необходимо завершить тест, прежде чем перейти на другой слайд.&quot;,&quot;PB_RATE_MENU_CAPTION&quot;:&quot;Скорость&quot;,&quot;PB_RATE_MENU_DEFAULT_RATE&quot;:&quot;Обычная&quot;,&quot;PB_RESTRICTION_MESSAGE_BOX_TITLE&quot;:&quot;Ограничение навигации&quot;,&quot;PB_RESUME_PRESENTATION_WINDOW_TEXT&quot;:&quot;Вы хотите возобновить просмотр презентации с прежнего места?&quot;,&quot;PB_RESUME_PRESENTATION_WINDOW_TITLE&quot;:&quot;Продолжить презентацию&quot;,&quot;PB_SCENARIO_SLIDE_WINDOW_TEXT&quot;:&quot;Необходимо завершить диалог, прежде чем перейти на другой слайд.&quot;,&quot;PB_SEARCH_CANCEL&quot;:&quot;Отмена&quot;,&quot;PB_SEARCH_NO_RESULTS_LABEL&quot;:&quot;Совпадений не найдено&quot;,&quot;PB_SEARCH_PANEL_DEFAULT_TEXT&quot;:&quot;Поиск&quot;,&quot;PB_SEARCH_RESULTS_LABEL&quot;:&quot;РЕЗУЛЬТАТЫ ПОИСКА:&quot;,&quot;PB_SEARCH_RESULT_IN_NOTES&quot;:&quot;в заметках&quot;,&quot;PB_SEARCH_RESULT_IN_TEXT_LABEL&quot;:&quot;[Текст на слайде]&quot;,&quot;PB_SUBTITLES_MENU_CAPTION&quot;:&quot;Субтитры&quot;,&quot;PB_SUBTITLES_OFF&quot;:&quot;Выкл.&quot;,&quot;PB_TAB_NOTES_LABEL&quot;:&quot;ЗАМЕТКИ&quot;,&quot;PB_TAB_OUTLINE_LABEL&quot;:&quot;СЛАЙДЫ&quot;,&quot;PB_TIME_RESTRICTION&quot;:&quot;В настоящее время просмотр данной презентации не разрешен ее автором.&quot;,&quot;PB_TITLE_PANEL_ATTACHMENTS&quot;:&quot;Ресурсы&quot;,&quot;PB_TITLE_PANEL_DEFAULT_COURSE_TITLE&quot;:&quot;Название курса&quot;,&quot;PB_TITLE_PANEL_MARKER_TOOLS&quot;:&quot;Инструменты рисования&quot;,&quot;PB_TITLE_PANEL_NOTES&quot;:&quot;Заметки&quot;,&quot;PB_TITLE_PANEL_OUTLINE&quot;:&quot;Оглавление&quot;,&quot;PB_TITLE_PANEL_PRESENTER_INFO&quot;:&quot;Докладчик&quot;,&quot;PB_TOOLTIP_ADD_LOGO&quot;:&quot;Кликните для добавления логотипа компании&quot;,&quot;PB_TOOLTIP_CHANGE_LOGO&quot;:&quot;Кликните для добавления логотипа компании&quot;,&quot;PB_TREE_CONTROL_LOADING&quot;:&quot;Загрузка…&quot;,&quot;PB_VIDEO_WINDOW_NO_VIDEO_LABEL&quot;:&quot;Нет видео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1,&quot;skinCompatibleVersion&quot;:0,&quot;publishSettings&quot;:{&quot;backgroundColor&quot;:&quot;#ced1d3&quot;,&quot;playerDimensions&quot;:{&quot;height&quot;:7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],&quot;dynamicPlain&quot;:[&quot;DCT_SLIDE_TITLE&quot;,&quot;DCT_SLIDE_TEXT&quot;,&quot;DCT_HYPERLINK_TOOLTIP&quot;],&quot;static&quot;:[&quot;Поиск&quot;,&quot;[Текст на слайде]&quot;,&quot;в заметках&quot;,&quot;Отмена&quot;,&quot;НАЗАД&quot;,&quot;На весь экран&quot;,&quot;Выход из полноэкранного режима&quot;,&quot;Громкость&quot;,&quot;Повторить&quot;,&quot;%SLIDE_NUMBER% из %TOTAL_SLIDES%&quot;,&quot;Вы хотите возобновить просмотр презентации с прежнего места?&quot;,&quot;Необходимо завершить тест, прежде чем перейти на другой слайд.&quot;,&quot;Для перехода на данный слайд необходимо успешно пройти тест на слайде %SLIDE_INDEX%.&quot;,&quot;Для перехода на данный слайд необходимо завершить тест на слайде %SLIDE_INDEX%.&quot;,&quot;Вы не прошли тест на слайде %SLIDE_INDEX% и не можете просмотреть следующие слайды.&quot;,&quot;Необходимо завершить интерактивность, прежде чем перейти на другой слайд.&quot;,&quot;Необходимо завершить диалог, прежде чем перейти на другой слайд.&quot;,&quot;Для перехода на слайд необходимо успешно завершить диалог на слайде %SLIDE_INDEX%.&quot;,&quot;Для перехода на слайд необходимо завершить диалог на слайде %SLIDE_INDEX%.&quot;,&quot;Вы не смогли успешно завершить диалог на слайде %SLIDE_INDEX% и не можете просмотреть следующие слайды.&quot;,&quot;Для продолжения необходимо просмотреть слайд до конца&quot;,&quot;Вы можете просматривать слайды только по порядку.&quot;,&quot;Слайды можно просматривать только по порядку.&quot;,&quot;Введите пароль для просмотра презентации&quot;,&quot;Неверный пароль&quot;,&quot;Автор запретил просмотр презентации на этом домене.&quot;,&quot;В настоящее время просмотр данной презентации не разрешен ее автором.&quot;,&quot;Назад&quot;,&quot;Далее&quot;,&quot;0123456789:.\/…-x&quot;]},&quot;embedName&quot;:&quot;PFn&quot;,&quot;fontFamily&quot;:&quot;Roboto&quot;,&quot;isBold&quot;:false,&quot;isItalic&quot;:false,&quot;isSemibold&quot;:false,&quot;substituteFontFamily&quot;:&quot;Arial&quot;},{&quot;charsets&quot;:{&quot;dynamicFormatted&quot;:[&quot;DCT_SLIDE_NOTES_TEXT&quot;,&quot;DCT_INTERACTIVITY_TEXT&quot;],&quot;dynamicPlain&quot;:[&quot;DCT_SLIDE_TITLE&quot;,&quot;DCT_SLIDE_NOTES_TEXT&quot;,&quot;DCT_SLIDE_TEXT&quot;],&quot;static&quot;:[&quot;РЕЗУЛЬТАТЫ ПОИСКА:&quot;,&quot;Совпадений не найдено&quot;,&quot;ДАЛЕЕ&quot;,&quot;СЛАЙДЫ&quot;,&quot;ДА&quot;,&quot;НЕТ&quot;,&quot;ОК&quot;,&quot;0123456789:.\/…-x&quot;]},&quot;embedName&quot;:&quot;PFnb&quot;,&quot;fontFamily&quot;:&quot;Roboto&quot;,&quot;isBold&quot;:true,&quot;isItalic&quot;:fals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i&quot;,&quot;fontFamily&quot;:&quot;Roboto&quot;,&quot;isBold&quot;:false,&quot;isItalic&quot;:tru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bi&quot;,&quot;fontFamily&quot;:&quot;Roboto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Roboto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Roboto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ULTRA_SCORM_COURCE_TITLE" val="АТЗ_Тема 2.2_Порядок информирования об угрозе"/>
  <p:tag name="ISPRING_OUTPUT_FOLDER" val="[[&quot;\u001B-\u0016v{6997A730-0FB9-4272-AA0C-D17F88134D6D}&quot;,&quot;C:\\Users\\1971t\\Desktop\\Редекция презенаций&quot;],[&quot;\uFFFD\uFFFD\uFFFD\uFFFD{731E76A7-E25B-462D-B3B0-313EAFCFCE2B}&quot;,&quot;C:\\Users\\User\\Desktop\\А.Тимченко\\Программа АЗ\\Презентация&quot;],[&quot;\uFFFD\uFFFDz\uFFFD{EE53DD29-12CE-413C-BE7A-A3B0212F7D35}&quot;,&quot;C:\\Users\\User\\Desktop\\РАЗРАБОТКА КУРСОВ\\Авиационное законодательство ФАП&quot;]]"/>
  <p:tag name="ISPRING_PRESENTATION_TITLE" val="АТЗ_Тема 2.2_Порядок информирования об угрозе"/>
  <p:tag name="ISPRING_SCORM_ENDPOINT" val="&lt;endpoint&gt;&lt;enable&gt;0&lt;/enable&gt;&lt;lrs&gt;https://&lt;/lrs&gt;&lt;auth&gt;0&lt;/auth&gt;&lt;login&gt;&lt;/login&gt;&lt;password&gt;&lt;/password&gt;&lt;key&gt;&lt;/key&gt;&lt;name&gt;&lt;/name&gt;&lt;email&gt;&lt;/email&gt;&lt;/endpoint&gt;&#10;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SCALE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,&quot;videoScale&quot;:90.9521561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0&quot;}}"/>
  <p:tag name="ISPRING_UUID" val="{D1693B90-AAA0-41B2-92B2-8BC8666DBB37}"/>
  <p:tag name="ISPRING_RESOURCE_FOLDER" val="G:\Брендбук\3х4\"/>
  <p:tag name="ISPRING_PRESENTATION_PATH" val="G:\Брендбук\3х4.pptx"/>
  <p:tag name="ISPRING_SCREEN_RECS_UPDATED" val="G:\Брендбук\3х4\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0AC9A0-E405-488F-80A3-5FC2B5739956}:778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0AC9A0-E405-488F-80A3-5FC2B5739956}:778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614E2FE-9C1F-4AEB-8F57-669900D1B99A}:745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614E2FE-9C1F-4AEB-8F57-669900D1B99A}:745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41DB892-A942-4614-BC2D-5CC47873D74B}:80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DF74523-1D56-44CE-B2F3-E2285B2BB1C8}:738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2505BF1-DCA6-4CC2-9A92-100F69190A1B}:742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41DB892-A942-4614-BC2D-5CC47873D74B}:808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0AC9A0-E405-488F-80A3-5FC2B5739956}:778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E0AC9A0-E405-488F-80A3-5FC2B5739956}:778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AFB4A2C-5720-4E16-8A28-26117F264755}:762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45BC6F7-6A9E-4FBD-982E-FC219752C515}:779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2505BF1-DCA6-4CC2-9A92-100F69190A1B}:742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2505BF1-DCA6-4CC2-9A92-100F69190A1B}:742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4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4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4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41DB892-A942-4614-BC2D-5CC47873D74B}:80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8F7EE5D-ABB9-4BC7-B0C5-DAE5E95F4A3A}:747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FC96AB56-2142-4B8A-8122-4B27FAFE4F4B}:746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2505BF1-DCA6-4CC2-9A92-100F69190A1B}:742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F449D26-6FFC-450E-A628-300DB72B0C60}:741"/>
</p:tagLst>
</file>

<file path=ppt/theme/theme1.xml><?xml version="1.0" encoding="utf-8"?>
<a:theme xmlns:a="http://schemas.openxmlformats.org/drawingml/2006/main" name="Office Theme">
  <a:themeElements>
    <a:clrScheme name="Другая 1">
      <a:dk1>
        <a:sysClr val="windowText" lastClr="000000"/>
      </a:dk1>
      <a:lt1>
        <a:sysClr val="window" lastClr="FFFFFF"/>
      </a:lt1>
      <a:dk2>
        <a:srgbClr val="F2A900"/>
      </a:dk2>
      <a:lt2>
        <a:srgbClr val="EBEBEC"/>
      </a:lt2>
      <a:accent1>
        <a:srgbClr val="000000"/>
      </a:accent1>
      <a:accent2>
        <a:srgbClr val="F2A900"/>
      </a:accent2>
      <a:accent3>
        <a:srgbClr val="EBEBEC"/>
      </a:accent3>
      <a:accent4>
        <a:srgbClr val="DC4405"/>
      </a:accent4>
      <a:accent5>
        <a:srgbClr val="C8102E"/>
      </a:accent5>
      <a:accent6>
        <a:srgbClr val="F79646"/>
      </a:accent6>
      <a:hlink>
        <a:srgbClr val="002060"/>
      </a:hlink>
      <a:folHlink>
        <a:srgbClr val="BFBFBF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7636</TotalTime>
  <Words>2979</Words>
  <Application>Microsoft Office PowerPoint</Application>
  <PresentationFormat>Экран (4:3)</PresentationFormat>
  <Paragraphs>331</Paragraphs>
  <Slides>43</Slides>
  <Notes>43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11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43</vt:i4>
      </vt:variant>
    </vt:vector>
  </HeadingPairs>
  <TitlesOfParts>
    <vt:vector size="55" baseType="lpstr">
      <vt:lpstr>맑은 고딕</vt:lpstr>
      <vt:lpstr>微软雅黑</vt:lpstr>
      <vt:lpstr>宋体</vt:lpstr>
      <vt:lpstr>Arial</vt:lpstr>
      <vt:lpstr>Calibri</vt:lpstr>
      <vt:lpstr>LiHei Pro</vt:lpstr>
      <vt:lpstr>Roboto</vt:lpstr>
      <vt:lpstr>Roboto Black</vt:lpstr>
      <vt:lpstr>Roboto Medium</vt:lpstr>
      <vt:lpstr>Times New Roman</vt:lpstr>
      <vt:lpstr>Wingdings</vt:lpstr>
      <vt:lpstr>Office Theme</vt:lpstr>
      <vt:lpstr>Презентация PowerPoint</vt:lpstr>
      <vt:lpstr>Презентация PowerPoint</vt:lpstr>
      <vt:lpstr>Нормативно-правовые документы</vt:lpstr>
      <vt:lpstr>Содержание</vt:lpstr>
      <vt:lpstr>Презентация PowerPoint</vt:lpstr>
      <vt:lpstr>Презентация PowerPoint</vt:lpstr>
      <vt:lpstr>Вопрос 1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Вопрос 1</vt:lpstr>
      <vt:lpstr>Презентация PowerPoint</vt:lpstr>
      <vt:lpstr>Презентация PowerPoint</vt:lpstr>
      <vt:lpstr> Вопрос 1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Вопрос 2</vt:lpstr>
      <vt:lpstr> Вопрос 2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Вопрос  3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Спасибо за внимание !</vt:lpstr>
    </vt:vector>
  </TitlesOfParts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АТЗ_Тема 2.2_Порядок информирования об угрозе</dc:title>
  <dc:creator>User</dc:creator>
  <cp:lastModifiedBy>metod1</cp:lastModifiedBy>
  <cp:revision>1795</cp:revision>
  <dcterms:created xsi:type="dcterms:W3CDTF">2022-03-18T08:28:12Z</dcterms:created>
  <dcterms:modified xsi:type="dcterms:W3CDTF">2023-11-13T07:33:3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reated">
    <vt:filetime>2022-03-17T00:00:00Z</vt:filetime>
  </property>
  <property fmtid="{D5CDD505-2E9C-101B-9397-08002B2CF9AE}" pid="3" name="Creator">
    <vt:lpwstr>Adobe Illustrator 26.0 (Windows)</vt:lpwstr>
  </property>
  <property fmtid="{D5CDD505-2E9C-101B-9397-08002B2CF9AE}" pid="4" name="LastSaved">
    <vt:filetime>2022-03-18T00:00:00Z</vt:filetime>
  </property>
</Properties>
</file>